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4001\04_教育ビジョン・広報グループ\05_かながわ教育ビジョン\03_かながわ教育月間\01_かながわ教育月間\01_かながわ教育月間イベント照会\05_HP掲載\03_掲載（９月）\250901_起案①\"/>
    </mc:Choice>
  </mc:AlternateContent>
  <bookViews>
    <workbookView xWindow="0" yWindow="0" windowWidth="28800" windowHeight="12288"/>
  </bookViews>
  <sheets>
    <sheet name="県立学校一覧" sheetId="6" r:id="rId1"/>
    <sheet name="横浜市" sheetId="9" r:id="rId2"/>
    <sheet name="川崎市" sheetId="10" r:id="rId3"/>
    <sheet name="相模原市" sheetId="11" r:id="rId4"/>
    <sheet name="横須賀市" sheetId="12" r:id="rId5"/>
    <sheet name="平塚市" sheetId="13" r:id="rId6"/>
    <sheet name="鎌倉市" sheetId="16" r:id="rId7"/>
    <sheet name="藤沢市" sheetId="15" r:id="rId8"/>
    <sheet name="小田原市" sheetId="14" r:id="rId9"/>
    <sheet name="茅ヶ崎市" sheetId="17" r:id="rId10"/>
    <sheet name="三浦市" sheetId="18" r:id="rId11"/>
    <sheet name="秦野市" sheetId="19" r:id="rId12"/>
    <sheet name="厚木市" sheetId="20" r:id="rId13"/>
    <sheet name="大和市" sheetId="21" r:id="rId14"/>
    <sheet name="伊勢原市" sheetId="22" r:id="rId15"/>
    <sheet name="南足柄市" sheetId="28" r:id="rId16"/>
    <sheet name="綾瀬市" sheetId="23" r:id="rId17"/>
    <sheet name="二宮町" sheetId="24" r:id="rId18"/>
    <sheet name="大井町" sheetId="25" r:id="rId19"/>
    <sheet name="愛川町" sheetId="26" r:id="rId20"/>
    <sheet name="県内全域" sheetId="27" r:id="rId21"/>
  </sheets>
  <definedNames>
    <definedName name="_xlnm._FilterDatabase" localSheetId="0" hidden="1">県立学校一覧!$A$2:$N$145</definedName>
    <definedName name="_xlnm.Print_Titles" localSheetId="0">県立学校一覧!$2:$2</definedName>
  </definedNames>
  <calcPr calcId="162913" calcOnSave="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637" uniqueCount="719">
  <si>
    <t>(1)市町村名</t>
    <rPh sb="3" eb="6">
      <t>シチョウソン</t>
    </rPh>
    <rPh sb="6" eb="7">
      <t>メイ</t>
    </rPh>
    <phoneticPr fontId="5"/>
  </si>
  <si>
    <t>(2)イベントの名称</t>
    <phoneticPr fontId="5"/>
  </si>
  <si>
    <t>(3)イベントの類型</t>
    <rPh sb="8" eb="10">
      <t>ルイケイ</t>
    </rPh>
    <phoneticPr fontId="5"/>
  </si>
  <si>
    <t>(5-1)
開催開始日</t>
    <phoneticPr fontId="5"/>
  </si>
  <si>
    <t>(5-2)
開催終了日</t>
    <phoneticPr fontId="5"/>
  </si>
  <si>
    <t>(6)開催場所
（施設名称）</t>
    <phoneticPr fontId="5"/>
  </si>
  <si>
    <t>(7)アクセス
（最寄り駅等）</t>
    <phoneticPr fontId="5"/>
  </si>
  <si>
    <t>(8)主催機関</t>
    <phoneticPr fontId="5"/>
  </si>
  <si>
    <t>(9)参加対象・条件</t>
    <phoneticPr fontId="5"/>
  </si>
  <si>
    <t>(10)料金</t>
    <phoneticPr fontId="5"/>
  </si>
  <si>
    <t>(11)申込み</t>
    <rPh sb="4" eb="6">
      <t>モウシコミ</t>
    </rPh>
    <phoneticPr fontId="5"/>
  </si>
  <si>
    <t>(13)イベントURL</t>
    <phoneticPr fontId="5"/>
  </si>
  <si>
    <t>県内全域</t>
  </si>
  <si>
    <t>福祉科体験入学</t>
    <rPh sb="0" eb="2">
      <t>フクシ</t>
    </rPh>
    <rPh sb="2" eb="3">
      <t>カ</t>
    </rPh>
    <rPh sb="3" eb="5">
      <t>タイケン</t>
    </rPh>
    <rPh sb="5" eb="7">
      <t>ニュウガク</t>
    </rPh>
    <phoneticPr fontId="5"/>
  </si>
  <si>
    <t>②教育（学校教育）</t>
  </si>
  <si>
    <t>福祉に関心を持つ中学生を対象に、福祉科の生徒と教員による授業を体験する機会を設け、津久井高校福祉科の魅力を伝えます。</t>
    <rPh sb="0" eb="2">
      <t>フクシ</t>
    </rPh>
    <rPh sb="3" eb="5">
      <t>カンシン</t>
    </rPh>
    <rPh sb="6" eb="7">
      <t>モ</t>
    </rPh>
    <rPh sb="8" eb="11">
      <t>チュウガクセイ</t>
    </rPh>
    <rPh sb="12" eb="14">
      <t>タイショウ</t>
    </rPh>
    <rPh sb="16" eb="18">
      <t>フクシ</t>
    </rPh>
    <rPh sb="18" eb="19">
      <t>カ</t>
    </rPh>
    <rPh sb="20" eb="22">
      <t>セイト</t>
    </rPh>
    <rPh sb="23" eb="25">
      <t>キョウイン</t>
    </rPh>
    <rPh sb="28" eb="30">
      <t>ジュギョウ</t>
    </rPh>
    <rPh sb="31" eb="33">
      <t>タイケン</t>
    </rPh>
    <rPh sb="35" eb="37">
      <t>キカイ</t>
    </rPh>
    <rPh sb="38" eb="39">
      <t>モウ</t>
    </rPh>
    <rPh sb="41" eb="44">
      <t>ツクイ</t>
    </rPh>
    <rPh sb="44" eb="46">
      <t>コウコウ</t>
    </rPh>
    <rPh sb="46" eb="48">
      <t>フクシ</t>
    </rPh>
    <rPh sb="48" eb="49">
      <t>カ</t>
    </rPh>
    <rPh sb="50" eb="52">
      <t>ミリョク</t>
    </rPh>
    <rPh sb="53" eb="54">
      <t>ツタ</t>
    </rPh>
    <phoneticPr fontId="5"/>
  </si>
  <si>
    <t>神奈中バス三ケ木（終点）</t>
    <rPh sb="0" eb="3">
      <t>カナチュウ</t>
    </rPh>
    <rPh sb="5" eb="8">
      <t>ミカゲ</t>
    </rPh>
    <rPh sb="9" eb="11">
      <t>シュウテン</t>
    </rPh>
    <phoneticPr fontId="5"/>
  </si>
  <si>
    <t>本校福祉科に関心を持つ中学生</t>
    <rPh sb="0" eb="1">
      <t>ホン</t>
    </rPh>
    <rPh sb="1" eb="2">
      <t>コウ</t>
    </rPh>
    <rPh sb="2" eb="4">
      <t>フクシ</t>
    </rPh>
    <rPh sb="4" eb="5">
      <t>カ</t>
    </rPh>
    <rPh sb="6" eb="8">
      <t>カンシン</t>
    </rPh>
    <rPh sb="9" eb="10">
      <t>モ</t>
    </rPh>
    <rPh sb="11" eb="14">
      <t>チュウガクセイ</t>
    </rPh>
    <phoneticPr fontId="5"/>
  </si>
  <si>
    <t>無料</t>
  </si>
  <si>
    <t>要</t>
  </si>
  <si>
    <t xml:space="preserve">https://www.pen-kanagawa.ed.jp/tsukui-h/zennichi/index.html
</t>
    <phoneticPr fontId="5"/>
  </si>
  <si>
    <t>横浜市
青葉区</t>
    <rPh sb="0" eb="3">
      <t>ヨコハマシ</t>
    </rPh>
    <phoneticPr fontId="5"/>
  </si>
  <si>
    <t>あおばフェスタ</t>
    <phoneticPr fontId="5"/>
  </si>
  <si>
    <t>藤が丘駅</t>
    <rPh sb="0" eb="1">
      <t>フジ</t>
    </rPh>
    <rPh sb="2" eb="4">
      <t>オカエキ</t>
    </rPh>
    <phoneticPr fontId="5"/>
  </si>
  <si>
    <t>保護者・地域住民等</t>
    <rPh sb="0" eb="3">
      <t>ホゴシャ</t>
    </rPh>
    <rPh sb="4" eb="9">
      <t>チイキジュウミントウ</t>
    </rPh>
    <phoneticPr fontId="5"/>
  </si>
  <si>
    <t>無料</t>
    <phoneticPr fontId="5"/>
  </si>
  <si>
    <t>不要</t>
    <rPh sb="0" eb="2">
      <t>フヨウ</t>
    </rPh>
    <phoneticPr fontId="5"/>
  </si>
  <si>
    <t>公開研修会「重心・医ケアにかかわること」</t>
    <rPh sb="0" eb="2">
      <t>コウカイ</t>
    </rPh>
    <rPh sb="2" eb="5">
      <t>ケンシュウカイ</t>
    </rPh>
    <rPh sb="6" eb="8">
      <t>ジュウシン</t>
    </rPh>
    <rPh sb="9" eb="10">
      <t>イ</t>
    </rPh>
    <phoneticPr fontId="5"/>
  </si>
  <si>
    <t>「重心・医ケア」に焦点を当てて、当事者の話を伺いつつ、その現状や課題について考えていきます。</t>
    <rPh sb="1" eb="3">
      <t>ジュウシン</t>
    </rPh>
    <rPh sb="4" eb="5">
      <t>イ</t>
    </rPh>
    <rPh sb="9" eb="11">
      <t>ショウテン</t>
    </rPh>
    <rPh sb="12" eb="13">
      <t>ア</t>
    </rPh>
    <rPh sb="16" eb="19">
      <t>トウジシャ</t>
    </rPh>
    <rPh sb="20" eb="21">
      <t>ハナシ</t>
    </rPh>
    <rPh sb="22" eb="23">
      <t>ウカガ</t>
    </rPh>
    <rPh sb="29" eb="31">
      <t>ゲンジョウ</t>
    </rPh>
    <rPh sb="32" eb="34">
      <t>カダイ</t>
    </rPh>
    <rPh sb="38" eb="39">
      <t>カンガ</t>
    </rPh>
    <phoneticPr fontId="5"/>
  </si>
  <si>
    <t>えびな支援学校</t>
    <rPh sb="3" eb="5">
      <t>シエン</t>
    </rPh>
    <rPh sb="5" eb="7">
      <t>ガッコウ</t>
    </rPh>
    <phoneticPr fontId="5"/>
  </si>
  <si>
    <t>厚木駅より徒歩20分
海老名駅よりバス７分</t>
    <rPh sb="0" eb="2">
      <t>アツギ</t>
    </rPh>
    <rPh sb="2" eb="3">
      <t>エキ</t>
    </rPh>
    <rPh sb="5" eb="7">
      <t>トホ</t>
    </rPh>
    <rPh sb="9" eb="10">
      <t>フン</t>
    </rPh>
    <rPh sb="11" eb="14">
      <t>エビナ</t>
    </rPh>
    <rPh sb="14" eb="15">
      <t>エキ</t>
    </rPh>
    <rPh sb="20" eb="21">
      <t>フン</t>
    </rPh>
    <phoneticPr fontId="5"/>
  </si>
  <si>
    <t>地域の保護者、関係機関職員、福祉事業所職員等</t>
    <rPh sb="0" eb="2">
      <t>チイキ</t>
    </rPh>
    <rPh sb="3" eb="6">
      <t>ホゴシャ</t>
    </rPh>
    <rPh sb="7" eb="9">
      <t>カンケイ</t>
    </rPh>
    <rPh sb="9" eb="11">
      <t>キカン</t>
    </rPh>
    <rPh sb="11" eb="13">
      <t>ショクイン</t>
    </rPh>
    <rPh sb="14" eb="16">
      <t>フクシ</t>
    </rPh>
    <rPh sb="16" eb="19">
      <t>ジギョウショ</t>
    </rPh>
    <rPh sb="19" eb="21">
      <t>ショクイン</t>
    </rPh>
    <rPh sb="21" eb="22">
      <t>トウ</t>
    </rPh>
    <phoneticPr fontId="5"/>
  </si>
  <si>
    <t>えびな支援学校
移行支援担当</t>
    <rPh sb="3" eb="5">
      <t>シエン</t>
    </rPh>
    <rPh sb="5" eb="7">
      <t>ガッコウ</t>
    </rPh>
    <rPh sb="8" eb="10">
      <t>イコウ</t>
    </rPh>
    <rPh sb="10" eb="12">
      <t>シエン</t>
    </rPh>
    <rPh sb="12" eb="14">
      <t>タントウ</t>
    </rPh>
    <phoneticPr fontId="5"/>
  </si>
  <si>
    <t>第２回中学生体験入学</t>
    <rPh sb="0" eb="1">
      <t>ダイ</t>
    </rPh>
    <rPh sb="2" eb="3">
      <t>カイ</t>
    </rPh>
    <rPh sb="3" eb="10">
      <t>チュウガクセイタイケンニュウガク</t>
    </rPh>
    <phoneticPr fontId="5"/>
  </si>
  <si>
    <t>中央農業高校の教育や魅力を中学３年生に発信します。</t>
    <rPh sb="0" eb="6">
      <t>チュウオウノウギョウコウコウ</t>
    </rPh>
    <rPh sb="7" eb="9">
      <t>キョウイク</t>
    </rPh>
    <rPh sb="10" eb="12">
      <t>ミリョク</t>
    </rPh>
    <rPh sb="13" eb="15">
      <t>チュウガク</t>
    </rPh>
    <rPh sb="16" eb="18">
      <t>ネンセイ</t>
    </rPh>
    <rPh sb="19" eb="21">
      <t>ハッシン</t>
    </rPh>
    <phoneticPr fontId="5"/>
  </si>
  <si>
    <t>海老名駅
厚木駅</t>
    <rPh sb="0" eb="3">
      <t>エビナ</t>
    </rPh>
    <rPh sb="3" eb="4">
      <t>エキ</t>
    </rPh>
    <rPh sb="5" eb="8">
      <t>アツギエキ</t>
    </rPh>
    <phoneticPr fontId="5"/>
  </si>
  <si>
    <t>本校に興味のある中学3年生及び保護者</t>
    <rPh sb="0" eb="2">
      <t>ホンコウ</t>
    </rPh>
    <rPh sb="3" eb="5">
      <t>キョウミ</t>
    </rPh>
    <rPh sb="8" eb="10">
      <t>チュウガク</t>
    </rPh>
    <rPh sb="11" eb="14">
      <t>ネンセイオヨ</t>
    </rPh>
    <rPh sb="15" eb="18">
      <t>ホゴシャ</t>
    </rPh>
    <phoneticPr fontId="5"/>
  </si>
  <si>
    <t>秋輝祭（文化祭）</t>
    <rPh sb="0" eb="3">
      <t>シュウキサイ</t>
    </rPh>
    <rPh sb="4" eb="7">
      <t>ブンカサイ</t>
    </rPh>
    <phoneticPr fontId="5"/>
  </si>
  <si>
    <t>中央農業高校の秋輝祭を県民のみなさんに公開します。</t>
    <rPh sb="0" eb="6">
      <t>チュウオウノウギョウコウコウ</t>
    </rPh>
    <rPh sb="7" eb="10">
      <t>シュウキサイ</t>
    </rPh>
    <rPh sb="11" eb="13">
      <t>ケンミン</t>
    </rPh>
    <rPh sb="19" eb="21">
      <t>コウカイ</t>
    </rPh>
    <phoneticPr fontId="5"/>
  </si>
  <si>
    <t>本校に興味のある方</t>
    <rPh sb="0" eb="2">
      <t>ホンコウ</t>
    </rPh>
    <rPh sb="3" eb="5">
      <t>キョウミ</t>
    </rPh>
    <rPh sb="8" eb="9">
      <t>カタ</t>
    </rPh>
    <phoneticPr fontId="5"/>
  </si>
  <si>
    <t>その他</t>
  </si>
  <si>
    <t>不要</t>
  </si>
  <si>
    <t>二宮町</t>
  </si>
  <si>
    <t>橘花祭（文化の部）</t>
    <rPh sb="0" eb="1">
      <t>タチバナ</t>
    </rPh>
    <rPh sb="1" eb="2">
      <t>ハナ</t>
    </rPh>
    <rPh sb="2" eb="3">
      <t>マツ</t>
    </rPh>
    <rPh sb="4" eb="6">
      <t>ブンカ</t>
    </rPh>
    <rPh sb="7" eb="8">
      <t>ブ</t>
    </rPh>
    <phoneticPr fontId="5"/>
  </si>
  <si>
    <t>本校の文化祭です。クラスや部活動、その他の団体で、発表や展示、パフォーマンスの披露、飲食等の販売などを行います。</t>
    <rPh sb="0" eb="2">
      <t>ホンコウ</t>
    </rPh>
    <rPh sb="3" eb="6">
      <t>ブンカサイ</t>
    </rPh>
    <rPh sb="13" eb="16">
      <t>ブカツドウ</t>
    </rPh>
    <rPh sb="19" eb="20">
      <t>タ</t>
    </rPh>
    <rPh sb="21" eb="23">
      <t>ダンタイ</t>
    </rPh>
    <rPh sb="25" eb="27">
      <t>ハッピョウ</t>
    </rPh>
    <rPh sb="28" eb="30">
      <t>テンジ</t>
    </rPh>
    <rPh sb="39" eb="41">
      <t>ヒロウ</t>
    </rPh>
    <rPh sb="42" eb="44">
      <t>インショク</t>
    </rPh>
    <rPh sb="44" eb="45">
      <t>ナド</t>
    </rPh>
    <rPh sb="46" eb="48">
      <t>ハンバイ</t>
    </rPh>
    <rPh sb="51" eb="52">
      <t>オコナ</t>
    </rPh>
    <phoneticPr fontId="5"/>
  </si>
  <si>
    <t>二宮高等学校</t>
    <rPh sb="0" eb="2">
      <t>ニノミヤ</t>
    </rPh>
    <rPh sb="2" eb="4">
      <t>コウトウ</t>
    </rPh>
    <rPh sb="4" eb="6">
      <t>ガッコウ</t>
    </rPh>
    <phoneticPr fontId="5"/>
  </si>
  <si>
    <t>神奈中バス二宮高校前</t>
    <rPh sb="0" eb="3">
      <t>カナチュウ</t>
    </rPh>
    <rPh sb="5" eb="7">
      <t>ニノミヤ</t>
    </rPh>
    <rPh sb="7" eb="9">
      <t>コウコウ</t>
    </rPh>
    <rPh sb="9" eb="10">
      <t>マエ</t>
    </rPh>
    <phoneticPr fontId="5"/>
  </si>
  <si>
    <t>一般の方</t>
    <rPh sb="0" eb="2">
      <t>イッパン</t>
    </rPh>
    <rPh sb="3" eb="4">
      <t>カタ</t>
    </rPh>
    <phoneticPr fontId="5"/>
  </si>
  <si>
    <t>https://www.pen-kanagawa.ed.jp/ninomiya-h/</t>
    <phoneticPr fontId="5"/>
  </si>
  <si>
    <t>中学１・２年生対象説明会</t>
    <rPh sb="0" eb="2">
      <t>チュウガク</t>
    </rPh>
    <rPh sb="5" eb="7">
      <t>ネンセイ</t>
    </rPh>
    <rPh sb="7" eb="9">
      <t>タイショウ</t>
    </rPh>
    <rPh sb="9" eb="12">
      <t>セツメイカイ</t>
    </rPh>
    <phoneticPr fontId="5"/>
  </si>
  <si>
    <t>インクルーシブ教育実践推進校特別募集を検討する中学１・２年生とその保護者に、本校の取り組みや特別募集の制度について説明を行います。</t>
    <phoneticPr fontId="5"/>
  </si>
  <si>
    <t>特別募集への志願を検討する中学１・２年生とその保護者</t>
    <rPh sb="13" eb="15">
      <t>チュウガク</t>
    </rPh>
    <rPh sb="18" eb="20">
      <t>ネンセイ</t>
    </rPh>
    <rPh sb="23" eb="26">
      <t>ホゴシャ</t>
    </rPh>
    <phoneticPr fontId="5"/>
  </si>
  <si>
    <t>第２回学校説明会</t>
    <rPh sb="0" eb="1">
      <t>ダイ</t>
    </rPh>
    <rPh sb="2" eb="3">
      <t>カイ</t>
    </rPh>
    <rPh sb="3" eb="5">
      <t>ガッコウ</t>
    </rPh>
    <rPh sb="5" eb="8">
      <t>セツメイカイ</t>
    </rPh>
    <phoneticPr fontId="5"/>
  </si>
  <si>
    <t>県内中学生を対象に本校の教育内容について説明を行います。また希望者に部活動見学も行います。</t>
    <rPh sb="0" eb="2">
      <t>ケンナイ</t>
    </rPh>
    <rPh sb="2" eb="5">
      <t>チュウガクセイ</t>
    </rPh>
    <rPh sb="6" eb="8">
      <t>タイショウ</t>
    </rPh>
    <rPh sb="9" eb="11">
      <t>ホンコウ</t>
    </rPh>
    <rPh sb="12" eb="14">
      <t>キョウイク</t>
    </rPh>
    <rPh sb="14" eb="16">
      <t>ナイヨウ</t>
    </rPh>
    <rPh sb="20" eb="22">
      <t>セツメイ</t>
    </rPh>
    <rPh sb="23" eb="24">
      <t>オコナ</t>
    </rPh>
    <rPh sb="30" eb="33">
      <t>キボウシャ</t>
    </rPh>
    <rPh sb="34" eb="37">
      <t>ブカツドウ</t>
    </rPh>
    <rPh sb="37" eb="39">
      <t>ケンガク</t>
    </rPh>
    <rPh sb="40" eb="41">
      <t>オコナ</t>
    </rPh>
    <phoneticPr fontId="5"/>
  </si>
  <si>
    <t>中学生とその保護者</t>
    <rPh sb="0" eb="3">
      <t>チュウガクセイ</t>
    </rPh>
    <rPh sb="6" eb="9">
      <t>ホゴシャ</t>
    </rPh>
    <phoneticPr fontId="5"/>
  </si>
  <si>
    <t>https://www.pen-kanagawa.ed.jp/ninomiya-h/</t>
  </si>
  <si>
    <t>厚木市</t>
  </si>
  <si>
    <t>第３回中学３年生等対象インクルーシブ教育実践推進校説明会</t>
    <rPh sb="0" eb="1">
      <t>ダイ</t>
    </rPh>
    <rPh sb="2" eb="3">
      <t>カイ</t>
    </rPh>
    <rPh sb="3" eb="5">
      <t>チュウガク</t>
    </rPh>
    <rPh sb="6" eb="11">
      <t>ネンセイトウタイショウ</t>
    </rPh>
    <rPh sb="18" eb="20">
      <t>キョウイク</t>
    </rPh>
    <rPh sb="20" eb="25">
      <t>ジッセンスイシンコウ</t>
    </rPh>
    <rPh sb="25" eb="28">
      <t>セツメイカイ</t>
    </rPh>
    <phoneticPr fontId="5"/>
  </si>
  <si>
    <t>インクルーシブ教育実践推進校特別募集の対象となる生徒が、高校について十分に理解したうえで、志願について検討できるようにするための説明会です。</t>
    <rPh sb="64" eb="67">
      <t>セツメイカイ</t>
    </rPh>
    <phoneticPr fontId="5"/>
  </si>
  <si>
    <t>厚木西高等学校</t>
    <rPh sb="0" eb="7">
      <t>アツギニシコウトウガッコウ</t>
    </rPh>
    <phoneticPr fontId="5"/>
  </si>
  <si>
    <t>愛甲石田駅
本厚木駅</t>
    <rPh sb="0" eb="5">
      <t>アイコウイシダエキ</t>
    </rPh>
    <rPh sb="6" eb="10">
      <t>ホンアツギエキ</t>
    </rPh>
    <phoneticPr fontId="5"/>
  </si>
  <si>
    <t>中学3年生等（保護者及び中学校の先生）
令和８年度入学者選抜(令和7年度実施)に志願を検討している方</t>
    <phoneticPr fontId="5"/>
  </si>
  <si>
    <t>https://www.pen-kanagawa.ed.jp/atsuginishi-h/nyugaku/20200410chukoenki.html</t>
    <phoneticPr fontId="5"/>
  </si>
  <si>
    <t>第２回学校説明会・施設見学・部活動見学</t>
    <rPh sb="0" eb="1">
      <t>ダイ</t>
    </rPh>
    <rPh sb="2" eb="8">
      <t>カイガッコウセツメイカイ</t>
    </rPh>
    <rPh sb="9" eb="13">
      <t>シセツケンガク</t>
    </rPh>
    <rPh sb="14" eb="19">
      <t>ブカツドウケンガク</t>
    </rPh>
    <phoneticPr fontId="5"/>
  </si>
  <si>
    <t>厚木西高等学校の学校生活、進路などについて説明します。その後、校内施設と活動中の部活動の見学をすることができます。</t>
    <rPh sb="0" eb="7">
      <t>アツギニシコウトウガッコウ</t>
    </rPh>
    <rPh sb="8" eb="12">
      <t>ガッコウセイカツ</t>
    </rPh>
    <rPh sb="13" eb="15">
      <t>シンロ</t>
    </rPh>
    <rPh sb="21" eb="23">
      <t>セツメイ</t>
    </rPh>
    <rPh sb="29" eb="30">
      <t>ゴ</t>
    </rPh>
    <rPh sb="31" eb="35">
      <t>コウナイシセツ</t>
    </rPh>
    <rPh sb="36" eb="38">
      <t>カツドウ</t>
    </rPh>
    <rPh sb="38" eb="39">
      <t>ナカ</t>
    </rPh>
    <rPh sb="40" eb="43">
      <t>ブカツドウ</t>
    </rPh>
    <rPh sb="44" eb="46">
      <t>ケンガク</t>
    </rPh>
    <phoneticPr fontId="5"/>
  </si>
  <si>
    <t>中学生及び保護者</t>
    <rPh sb="0" eb="3">
      <t>チュウガクセイ</t>
    </rPh>
    <rPh sb="3" eb="4">
      <t>オヨ</t>
    </rPh>
    <rPh sb="5" eb="8">
      <t>ホゴシャ</t>
    </rPh>
    <phoneticPr fontId="5"/>
  </si>
  <si>
    <t>https://www.pen-kanagawa.ed.jp/atsuginishi-h/nyugaku/gakkousetsumeikai.html</t>
    <phoneticPr fontId="5"/>
  </si>
  <si>
    <t>第１回中学１，２年生対象インクルーシブ教育実践推進校説明会</t>
    <rPh sb="0" eb="1">
      <t>ダイ</t>
    </rPh>
    <rPh sb="2" eb="3">
      <t>カイ</t>
    </rPh>
    <rPh sb="3" eb="5">
      <t>チュウガク</t>
    </rPh>
    <rPh sb="8" eb="10">
      <t>ネンセイ</t>
    </rPh>
    <rPh sb="10" eb="12">
      <t>タイショウ</t>
    </rPh>
    <phoneticPr fontId="5"/>
  </si>
  <si>
    <t>インクルーシブ教育推進の基本的な考え方や、インクルーシブ教育実践推進校の概要、入学者選抜などの制度についてお伝えします。</t>
    <phoneticPr fontId="5"/>
  </si>
  <si>
    <t>インクルーシブ教育実践推進校特別募集への志願を検討している中学1年生・2年生および保護者、中学校の教職員</t>
    <phoneticPr fontId="5"/>
  </si>
  <si>
    <t>第２回中学１，２年生対象インクルーシブ教育実践推進校説明会</t>
    <rPh sb="0" eb="1">
      <t>ダイ</t>
    </rPh>
    <rPh sb="2" eb="3">
      <t>カイ</t>
    </rPh>
    <rPh sb="3" eb="5">
      <t>チュウガク</t>
    </rPh>
    <rPh sb="8" eb="10">
      <t>ネンセイ</t>
    </rPh>
    <rPh sb="10" eb="12">
      <t>タイショウ</t>
    </rPh>
    <phoneticPr fontId="5"/>
  </si>
  <si>
    <t>小田原市</t>
  </si>
  <si>
    <t>学校説明会</t>
    <rPh sb="0" eb="5">
      <t>ガッコウセツメイカイ</t>
    </rPh>
    <phoneticPr fontId="5"/>
  </si>
  <si>
    <t>栢山駅</t>
    <rPh sb="0" eb="2">
      <t>カヤマ</t>
    </rPh>
    <rPh sb="2" eb="3">
      <t>エキ</t>
    </rPh>
    <phoneticPr fontId="5"/>
  </si>
  <si>
    <t>小田原城北工業高等学校</t>
    <rPh sb="0" eb="5">
      <t>オダワラジョウホク</t>
    </rPh>
    <rPh sb="5" eb="7">
      <t>コウギョウ</t>
    </rPh>
    <rPh sb="7" eb="11">
      <t>コウトウガッコウ</t>
    </rPh>
    <phoneticPr fontId="5"/>
  </si>
  <si>
    <t>中学３年生と保護者</t>
    <rPh sb="0" eb="2">
      <t>チュウガク</t>
    </rPh>
    <rPh sb="3" eb="5">
      <t>ネンセイ</t>
    </rPh>
    <rPh sb="6" eb="9">
      <t>ホゴシャ</t>
    </rPh>
    <phoneticPr fontId="5"/>
  </si>
  <si>
    <t>小田原城北工業高等学校　広報連携グループ</t>
    <rPh sb="0" eb="7">
      <t>オダワラジョウホクコウギョウ</t>
    </rPh>
    <rPh sb="7" eb="9">
      <t>コウトウ</t>
    </rPh>
    <rPh sb="9" eb="11">
      <t>ガッコウ</t>
    </rPh>
    <rPh sb="12" eb="16">
      <t>コウホウレンケイ</t>
    </rPh>
    <phoneticPr fontId="5"/>
  </si>
  <si>
    <t>https://www.pen-kanagawa.ed.jp/odawarajohoku-th/</t>
  </si>
  <si>
    <t>城北祭（文化祭）</t>
    <rPh sb="0" eb="3">
      <t>ジョウホクサイ</t>
    </rPh>
    <rPh sb="4" eb="7">
      <t>ブンカサイ</t>
    </rPh>
    <phoneticPr fontId="5"/>
  </si>
  <si>
    <t>小田原城北工業高校が毎年開催する文化祭で、一般公開しています。模擬店の出店だけでなく、工業高校ならではの様々な展示や体験が楽しめるイベントです。</t>
    <rPh sb="0" eb="7">
      <t>オダワラジョウホクコウギョウ</t>
    </rPh>
    <rPh sb="7" eb="9">
      <t>コウコウ</t>
    </rPh>
    <rPh sb="10" eb="12">
      <t>マイトシ</t>
    </rPh>
    <rPh sb="12" eb="14">
      <t>カイサイ</t>
    </rPh>
    <rPh sb="16" eb="19">
      <t>ブンカサイ</t>
    </rPh>
    <rPh sb="21" eb="23">
      <t>イッパン</t>
    </rPh>
    <rPh sb="23" eb="25">
      <t>コウカイ</t>
    </rPh>
    <rPh sb="31" eb="34">
      <t>モギテン</t>
    </rPh>
    <rPh sb="35" eb="37">
      <t>シュッテン</t>
    </rPh>
    <rPh sb="43" eb="47">
      <t>コウギョウコウコウ</t>
    </rPh>
    <rPh sb="52" eb="54">
      <t>サマザマ</t>
    </rPh>
    <rPh sb="55" eb="57">
      <t>テンジ</t>
    </rPh>
    <rPh sb="58" eb="60">
      <t>タイケン</t>
    </rPh>
    <rPh sb="61" eb="62">
      <t>タノ</t>
    </rPh>
    <phoneticPr fontId="5"/>
  </si>
  <si>
    <t>特になし</t>
    <rPh sb="0" eb="1">
      <t>トク</t>
    </rPh>
    <phoneticPr fontId="5"/>
  </si>
  <si>
    <t>文化祭</t>
    <rPh sb="0" eb="3">
      <t>ブンカサイ</t>
    </rPh>
    <phoneticPr fontId="5"/>
  </si>
  <si>
    <t>③文化</t>
  </si>
  <si>
    <t>クラス・部活動・委員会・授業などの日頃の活動の成果を発表する。また、9月27日（土）は一般公開もされ、中学生向けに学校見学ツアーを実施する。</t>
    <rPh sb="4" eb="7">
      <t>ブカツドウ</t>
    </rPh>
    <rPh sb="8" eb="11">
      <t>イインカイ</t>
    </rPh>
    <rPh sb="12" eb="14">
      <t>ジュギョウ</t>
    </rPh>
    <rPh sb="17" eb="19">
      <t>ヒゴロ</t>
    </rPh>
    <rPh sb="20" eb="22">
      <t>カツドウ</t>
    </rPh>
    <rPh sb="23" eb="25">
      <t>セイカ</t>
    </rPh>
    <rPh sb="26" eb="28">
      <t>ハッピョウ</t>
    </rPh>
    <rPh sb="35" eb="36">
      <t>ガツ</t>
    </rPh>
    <rPh sb="38" eb="39">
      <t>ニチ</t>
    </rPh>
    <rPh sb="40" eb="41">
      <t>ツチ</t>
    </rPh>
    <rPh sb="43" eb="47">
      <t>イッパンコウカイ</t>
    </rPh>
    <rPh sb="51" eb="54">
      <t>チュウガクセイ</t>
    </rPh>
    <rPh sb="54" eb="55">
      <t>ム</t>
    </rPh>
    <rPh sb="57" eb="61">
      <t>ガッコウケンガク</t>
    </rPh>
    <rPh sb="65" eb="67">
      <t>ジッシ</t>
    </rPh>
    <phoneticPr fontId="5"/>
  </si>
  <si>
    <t>小田原駅</t>
    <rPh sb="0" eb="3">
      <t>オダワラ</t>
    </rPh>
    <rPh sb="3" eb="4">
      <t>エキ</t>
    </rPh>
    <phoneticPr fontId="5"/>
  </si>
  <si>
    <t>本校生徒関係者</t>
    <rPh sb="0" eb="4">
      <t>ホンコウセイト</t>
    </rPh>
    <rPh sb="4" eb="7">
      <t>カンケイシャ</t>
    </rPh>
    <phoneticPr fontId="5"/>
  </si>
  <si>
    <t>小田原東高校
特別活動グループ</t>
    <rPh sb="0" eb="3">
      <t>オダワラ</t>
    </rPh>
    <rPh sb="3" eb="4">
      <t>ヒガシ</t>
    </rPh>
    <rPh sb="4" eb="6">
      <t>コウコウ</t>
    </rPh>
    <rPh sb="7" eb="9">
      <t>トクベツ</t>
    </rPh>
    <rPh sb="9" eb="11">
      <t>カツドウ</t>
    </rPh>
    <phoneticPr fontId="5"/>
  </si>
  <si>
    <t>小田原市</t>
    <phoneticPr fontId="5"/>
  </si>
  <si>
    <t>労働講座</t>
    <rPh sb="0" eb="4">
      <t>ロウドウコウザ</t>
    </rPh>
    <phoneticPr fontId="5"/>
  </si>
  <si>
    <t>①教育（社会教育・生涯学習）</t>
  </si>
  <si>
    <t>就職やアルバイト等で社会に出る前に、労働法の基本的な知識を身につけることで、社会人としての基礎力の育成や働くうえでの権利と責任などを理解する。</t>
    <phoneticPr fontId="5"/>
  </si>
  <si>
    <t>本校生徒３年生</t>
    <rPh sb="0" eb="4">
      <t>ホンコウセイト</t>
    </rPh>
    <rPh sb="5" eb="7">
      <t>ネンセイ</t>
    </rPh>
    <phoneticPr fontId="5"/>
  </si>
  <si>
    <t>小田原東高校
進路グループ</t>
    <rPh sb="0" eb="3">
      <t>オダワラ</t>
    </rPh>
    <rPh sb="3" eb="4">
      <t>ヒガシ</t>
    </rPh>
    <rPh sb="4" eb="6">
      <t>コウコウ</t>
    </rPh>
    <rPh sb="7" eb="9">
      <t>シンロ</t>
    </rPh>
    <phoneticPr fontId="5"/>
  </si>
  <si>
    <t>学校説明会</t>
    <rPh sb="0" eb="2">
      <t>ガッコウ</t>
    </rPh>
    <rPh sb="2" eb="5">
      <t>セツメイカイ</t>
    </rPh>
    <phoneticPr fontId="5"/>
  </si>
  <si>
    <t>中学3年生とその保護者に対して学校紹介を行い本校を理解する機会とする。また、個別相談会も実施する。</t>
    <rPh sb="0" eb="2">
      <t>チュウガク</t>
    </rPh>
    <rPh sb="3" eb="5">
      <t>ネンセイ</t>
    </rPh>
    <rPh sb="8" eb="11">
      <t>ホゴシャ</t>
    </rPh>
    <rPh sb="12" eb="13">
      <t>タイ</t>
    </rPh>
    <rPh sb="15" eb="17">
      <t>ガッコウ</t>
    </rPh>
    <rPh sb="17" eb="19">
      <t>ショウカイ</t>
    </rPh>
    <rPh sb="20" eb="21">
      <t>オコナ</t>
    </rPh>
    <rPh sb="22" eb="24">
      <t>ホンコウ</t>
    </rPh>
    <rPh sb="25" eb="27">
      <t>リカイ</t>
    </rPh>
    <rPh sb="29" eb="31">
      <t>キカイ</t>
    </rPh>
    <rPh sb="38" eb="40">
      <t>コベツ</t>
    </rPh>
    <rPh sb="40" eb="43">
      <t>ソウダンカイ</t>
    </rPh>
    <rPh sb="44" eb="46">
      <t>ジッシ</t>
    </rPh>
    <phoneticPr fontId="5"/>
  </si>
  <si>
    <t>小田原駅</t>
    <rPh sb="0" eb="4">
      <t>オダワラエキ</t>
    </rPh>
    <phoneticPr fontId="5"/>
  </si>
  <si>
    <t>中学生及びその保護者</t>
    <rPh sb="0" eb="3">
      <t>チュウガクセイ</t>
    </rPh>
    <rPh sb="3" eb="4">
      <t>オヨ</t>
    </rPh>
    <rPh sb="7" eb="10">
      <t>ホゴシャ</t>
    </rPh>
    <phoneticPr fontId="5"/>
  </si>
  <si>
    <t>要</t>
    <phoneticPr fontId="5"/>
  </si>
  <si>
    <t>小田原東高校
連携グループ</t>
    <rPh sb="0" eb="3">
      <t>オダワラ</t>
    </rPh>
    <rPh sb="3" eb="4">
      <t>ヒガシ</t>
    </rPh>
    <rPh sb="4" eb="6">
      <t>コウコウ</t>
    </rPh>
    <rPh sb="7" eb="9">
      <t>レンケイ</t>
    </rPh>
    <phoneticPr fontId="5"/>
  </si>
  <si>
    <t>Dig訓練</t>
    <rPh sb="3" eb="5">
      <t>クンレン</t>
    </rPh>
    <phoneticPr fontId="5"/>
  </si>
  <si>
    <t>災害への理解を深め、主体的な防災意識を育てることを目的とする。生徒が自ら課題に気づき、解決策を考える力を養うことで、自主防災意識の向上を図るとともに、災害時に必要な判断力や行動力を身につける。</t>
    <phoneticPr fontId="5"/>
  </si>
  <si>
    <t>本校生徒１年生</t>
    <rPh sb="0" eb="4">
      <t>ホンコウセイト</t>
    </rPh>
    <rPh sb="5" eb="7">
      <t>ネンセイ</t>
    </rPh>
    <phoneticPr fontId="5"/>
  </si>
  <si>
    <t>小田原東高校
運営グループ</t>
    <rPh sb="0" eb="3">
      <t>オダワラ</t>
    </rPh>
    <rPh sb="3" eb="4">
      <t>ヒガシ</t>
    </rPh>
    <rPh sb="4" eb="6">
      <t>コウコウ</t>
    </rPh>
    <rPh sb="7" eb="9">
      <t>ウンエイ</t>
    </rPh>
    <phoneticPr fontId="5"/>
  </si>
  <si>
    <t>公開授業および学校説明会</t>
    <rPh sb="0" eb="2">
      <t>コウカイ</t>
    </rPh>
    <rPh sb="2" eb="4">
      <t>ジュギョウ</t>
    </rPh>
    <rPh sb="7" eb="9">
      <t>ガッコウ</t>
    </rPh>
    <rPh sb="9" eb="12">
      <t>セツメイカイ</t>
    </rPh>
    <phoneticPr fontId="5"/>
  </si>
  <si>
    <t>授業を公開することで、中学3年生とその保護者が高校での学びを具体的にイメージできるようになり、校舎内を自由に見学することで高校生活をより理解する機会となる。</t>
    <rPh sb="68" eb="70">
      <t>リカイ</t>
    </rPh>
    <rPh sb="72" eb="74">
      <t>キカイ</t>
    </rPh>
    <phoneticPr fontId="5"/>
  </si>
  <si>
    <t>横浜市
港南区</t>
    <rPh sb="0" eb="3">
      <t>ヨコハマシ</t>
    </rPh>
    <phoneticPr fontId="5"/>
  </si>
  <si>
    <t>第1回学校説明会</t>
    <rPh sb="0" eb="1">
      <t>ダイ</t>
    </rPh>
    <rPh sb="2" eb="3">
      <t>カイ</t>
    </rPh>
    <rPh sb="3" eb="8">
      <t>ガッコウセツメイカイ</t>
    </rPh>
    <phoneticPr fontId="5"/>
  </si>
  <si>
    <t>本校の教育方針・教育課程・学校生活・進路・入学者選抜について説明します。</t>
    <rPh sb="0" eb="2">
      <t>ホンコウ</t>
    </rPh>
    <rPh sb="3" eb="7">
      <t>キョウイクホウシン</t>
    </rPh>
    <rPh sb="8" eb="12">
      <t>キョウイクカテイ</t>
    </rPh>
    <rPh sb="13" eb="17">
      <t>ガッコウセイカツ</t>
    </rPh>
    <rPh sb="18" eb="20">
      <t>シンロ</t>
    </rPh>
    <rPh sb="21" eb="26">
      <t>ニュウガクシャセンバツ</t>
    </rPh>
    <rPh sb="30" eb="32">
      <t>セツメイ</t>
    </rPh>
    <phoneticPr fontId="5"/>
  </si>
  <si>
    <t>横浜明朋高等学校</t>
    <rPh sb="0" eb="8">
      <t>ヨコハマメイホウコウトウガッコウ</t>
    </rPh>
    <phoneticPr fontId="5"/>
  </si>
  <si>
    <t>港南台駅</t>
    <rPh sb="0" eb="4">
      <t>コウナンダイエキ</t>
    </rPh>
    <phoneticPr fontId="5"/>
  </si>
  <si>
    <t>横浜明朋高等学校　広報・研究グループ</t>
    <rPh sb="0" eb="8">
      <t>ヨコハマメイホウコウトウガッコウ</t>
    </rPh>
    <rPh sb="9" eb="11">
      <t>コウホウ</t>
    </rPh>
    <rPh sb="12" eb="14">
      <t>ケンキュウ</t>
    </rPh>
    <phoneticPr fontId="5"/>
  </si>
  <si>
    <t>事前申し込みした中学生とその保護者、中学校教諭</t>
    <rPh sb="0" eb="2">
      <t>ジゼン</t>
    </rPh>
    <rPh sb="2" eb="3">
      <t>モウ</t>
    </rPh>
    <rPh sb="4" eb="5">
      <t>コ</t>
    </rPh>
    <rPh sb="8" eb="11">
      <t>チュウガクセイ</t>
    </rPh>
    <rPh sb="14" eb="17">
      <t>ホゴシャ</t>
    </rPh>
    <rPh sb="18" eb="23">
      <t>チュウガッコウキョウユ</t>
    </rPh>
    <phoneticPr fontId="5"/>
  </si>
  <si>
    <t>輝鳳祭</t>
    <rPh sb="0" eb="1">
      <t>カガヤ</t>
    </rPh>
    <rPh sb="1" eb="2">
      <t>オオトリ</t>
    </rPh>
    <rPh sb="2" eb="3">
      <t>サイ</t>
    </rPh>
    <phoneticPr fontId="5"/>
  </si>
  <si>
    <t>本校の文化祭です。部・同好会、委員会、クラス、有志等が日頃の活動の成果を発表します。</t>
    <rPh sb="0" eb="2">
      <t>ホンコウ</t>
    </rPh>
    <rPh sb="3" eb="6">
      <t>ブンカサイ</t>
    </rPh>
    <rPh sb="9" eb="10">
      <t>ブ</t>
    </rPh>
    <rPh sb="11" eb="14">
      <t>ドウコウカイ</t>
    </rPh>
    <rPh sb="15" eb="18">
      <t>イインカイ</t>
    </rPh>
    <rPh sb="23" eb="26">
      <t>ユウシトウ</t>
    </rPh>
    <rPh sb="27" eb="29">
      <t>ヒゴロ</t>
    </rPh>
    <rPh sb="30" eb="32">
      <t>カツドウ</t>
    </rPh>
    <rPh sb="33" eb="35">
      <t>セイカ</t>
    </rPh>
    <rPh sb="36" eb="38">
      <t>ハッピョウ</t>
    </rPh>
    <phoneticPr fontId="5"/>
  </si>
  <si>
    <t>横浜明朋高等学校　活動支援グループ</t>
    <rPh sb="0" eb="8">
      <t>ヨコハマメイホウコウトウガッコウ</t>
    </rPh>
    <rPh sb="9" eb="13">
      <t>カツドウシエン</t>
    </rPh>
    <phoneticPr fontId="5"/>
  </si>
  <si>
    <t>事前申請した中学生とその保護者、卒業生、本校生徒の家族・友人（人数制限あり）</t>
    <rPh sb="0" eb="4">
      <t>ジゼンシンセイ</t>
    </rPh>
    <rPh sb="6" eb="9">
      <t>チュウガクセイ</t>
    </rPh>
    <rPh sb="12" eb="15">
      <t>ホゴシャ</t>
    </rPh>
    <rPh sb="16" eb="19">
      <t>ソツギョウセイ</t>
    </rPh>
    <rPh sb="20" eb="24">
      <t>ホンコウセイト</t>
    </rPh>
    <rPh sb="25" eb="27">
      <t>カゾク</t>
    </rPh>
    <rPh sb="28" eb="30">
      <t>ユウジン</t>
    </rPh>
    <rPh sb="31" eb="35">
      <t>ニンズウセイゲン</t>
    </rPh>
    <phoneticPr fontId="5"/>
  </si>
  <si>
    <t>横須賀市</t>
  </si>
  <si>
    <t>学校へ行こう週間</t>
    <rPh sb="0" eb="2">
      <t>ガッコウ</t>
    </rPh>
    <rPh sb="3" eb="4">
      <t>イ</t>
    </rPh>
    <rPh sb="6" eb="8">
      <t>シュウカン</t>
    </rPh>
    <phoneticPr fontId="5"/>
  </si>
  <si>
    <t>保護者や地域の方に本校を見学していただき、学校の教育活動の様子を知っていただき、学校に対する理解を一層深めていただくことをねらいとしています。</t>
    <rPh sb="0" eb="3">
      <t>ホゴシャ</t>
    </rPh>
    <rPh sb="4" eb="6">
      <t>チイキ</t>
    </rPh>
    <rPh sb="7" eb="8">
      <t>カタ</t>
    </rPh>
    <rPh sb="9" eb="11">
      <t>ホンコウ</t>
    </rPh>
    <rPh sb="12" eb="14">
      <t>ケンガク</t>
    </rPh>
    <rPh sb="21" eb="23">
      <t>ガッコウ</t>
    </rPh>
    <rPh sb="24" eb="28">
      <t>キョウイクカツドウ</t>
    </rPh>
    <rPh sb="29" eb="31">
      <t>ヨウス</t>
    </rPh>
    <rPh sb="32" eb="33">
      <t>シ</t>
    </rPh>
    <rPh sb="40" eb="42">
      <t>ガッコウ</t>
    </rPh>
    <rPh sb="43" eb="44">
      <t>タイ</t>
    </rPh>
    <rPh sb="46" eb="48">
      <t>リカイ</t>
    </rPh>
    <rPh sb="49" eb="51">
      <t>イッソウ</t>
    </rPh>
    <rPh sb="51" eb="52">
      <t>フカ</t>
    </rPh>
    <phoneticPr fontId="5"/>
  </si>
  <si>
    <t>一騎塚
（バス停）</t>
    <rPh sb="0" eb="3">
      <t>イッキヅカ</t>
    </rPh>
    <rPh sb="7" eb="8">
      <t>テイ</t>
    </rPh>
    <phoneticPr fontId="5"/>
  </si>
  <si>
    <t>本校保護者、地域の小中学校関係者、地域の施設関係者等</t>
    <rPh sb="0" eb="2">
      <t>ホンコウ</t>
    </rPh>
    <rPh sb="2" eb="5">
      <t>ホゴシャ</t>
    </rPh>
    <rPh sb="6" eb="8">
      <t>チイキ</t>
    </rPh>
    <rPh sb="9" eb="13">
      <t>ショウチュウガッコウ</t>
    </rPh>
    <rPh sb="13" eb="16">
      <t>カンケイシャ</t>
    </rPh>
    <rPh sb="17" eb="19">
      <t>チイキ</t>
    </rPh>
    <rPh sb="20" eb="22">
      <t>シセツ</t>
    </rPh>
    <rPh sb="22" eb="25">
      <t>カンケイシャ</t>
    </rPh>
    <rPh sb="25" eb="26">
      <t>トウ</t>
    </rPh>
    <phoneticPr fontId="5"/>
  </si>
  <si>
    <t>津久井浜駅</t>
    <rPh sb="0" eb="4">
      <t>ツクイハマ</t>
    </rPh>
    <rPh sb="4" eb="5">
      <t>エキ</t>
    </rPh>
    <phoneticPr fontId="5"/>
  </si>
  <si>
    <t>相模原市
中央区</t>
  </si>
  <si>
    <t>第4回ぎんがボッチャ大会</t>
  </si>
  <si>
    <t>⑤スポーツ</t>
  </si>
  <si>
    <t>近隣の小中学校、地域の方々、本校の幼児・児童・生徒にパラスポーツ（ボッチャ）に対する理解と興味関心を広げていきます。</t>
  </si>
  <si>
    <t>相模原中央支援学校</t>
  </si>
  <si>
    <t>淵野辺駅</t>
  </si>
  <si>
    <t>相模原中央支援学校
支援連携グループ</t>
  </si>
  <si>
    <t>相模原市在住の方</t>
  </si>
  <si>
    <t>相模原中央支援学校
支援連携グループ
地域連携チーム</t>
  </si>
  <si>
    <t>https://www.pen-kanagawa.ed.jp/sagamiharachuo-sh/chiiki/index.html</t>
    <phoneticPr fontId="4"/>
  </si>
  <si>
    <t>来てみてガッコウ！～地域の皆様へ～</t>
    <rPh sb="0" eb="1">
      <t>キ</t>
    </rPh>
    <rPh sb="10" eb="12">
      <t>チイキ</t>
    </rPh>
    <rPh sb="13" eb="15">
      <t>ミナサマ</t>
    </rPh>
    <phoneticPr fontId="5"/>
  </si>
  <si>
    <t>地域の方々に学校の教育活動等を見ていただくことで、学校の様子を身近に感じていただき、学校に対する理解と支援をより一層深めてもらう機会とする。</t>
    <rPh sb="0" eb="2">
      <t>チイキ</t>
    </rPh>
    <rPh sb="3" eb="5">
      <t>カタガタ</t>
    </rPh>
    <rPh sb="6" eb="8">
      <t>ガッコウ</t>
    </rPh>
    <rPh sb="9" eb="14">
      <t>キョウイクカツドウトウ</t>
    </rPh>
    <rPh sb="15" eb="16">
      <t>ミ</t>
    </rPh>
    <rPh sb="25" eb="27">
      <t>ガッコウ</t>
    </rPh>
    <rPh sb="28" eb="30">
      <t>ヨウス</t>
    </rPh>
    <rPh sb="31" eb="33">
      <t>ミジカ</t>
    </rPh>
    <rPh sb="34" eb="35">
      <t>カン</t>
    </rPh>
    <rPh sb="42" eb="44">
      <t>ガッコウ</t>
    </rPh>
    <rPh sb="45" eb="46">
      <t>タイ</t>
    </rPh>
    <rPh sb="48" eb="50">
      <t>リカイ</t>
    </rPh>
    <rPh sb="51" eb="53">
      <t>シエン</t>
    </rPh>
    <rPh sb="56" eb="58">
      <t>イッソウ</t>
    </rPh>
    <rPh sb="58" eb="59">
      <t>フカ</t>
    </rPh>
    <rPh sb="64" eb="66">
      <t>キカイ</t>
    </rPh>
    <phoneticPr fontId="5"/>
  </si>
  <si>
    <t>原当麻駅</t>
    <rPh sb="0" eb="3">
      <t>ハラタイマ</t>
    </rPh>
    <rPh sb="3" eb="4">
      <t>エキ</t>
    </rPh>
    <phoneticPr fontId="5"/>
  </si>
  <si>
    <t>近隣地域の居住者、教職員、関係機関職員</t>
    <rPh sb="0" eb="4">
      <t>キンリンチイキ</t>
    </rPh>
    <rPh sb="5" eb="8">
      <t>キョジュウシャ</t>
    </rPh>
    <rPh sb="9" eb="12">
      <t>キョウショクイン</t>
    </rPh>
    <rPh sb="13" eb="19">
      <t>カンケイキカンショクイン</t>
    </rPh>
    <phoneticPr fontId="5"/>
  </si>
  <si>
    <t>横浜市
瀬谷区</t>
    <rPh sb="0" eb="3">
      <t>ヨコハマシ</t>
    </rPh>
    <phoneticPr fontId="5"/>
  </si>
  <si>
    <t>瀬谷支援学校
小学部学校説明会①</t>
    <rPh sb="0" eb="6">
      <t>セヤシエンガッコウ</t>
    </rPh>
    <rPh sb="7" eb="9">
      <t>ショウガク</t>
    </rPh>
    <rPh sb="9" eb="10">
      <t>ブ</t>
    </rPh>
    <rPh sb="10" eb="12">
      <t>ガッコウ</t>
    </rPh>
    <rPh sb="11" eb="12">
      <t>ショウガク</t>
    </rPh>
    <rPh sb="12" eb="15">
      <t>セツメイカイ</t>
    </rPh>
    <phoneticPr fontId="5"/>
  </si>
  <si>
    <t>令和９年4月から瀬谷支援学校小学部の入学を検討している方に、教育活動の概要を説明します。</t>
    <rPh sb="0" eb="2">
      <t>レイワ</t>
    </rPh>
    <rPh sb="3" eb="4">
      <t>ネン</t>
    </rPh>
    <rPh sb="5" eb="6">
      <t>ガツ</t>
    </rPh>
    <rPh sb="8" eb="14">
      <t>セヤシエンガッコウ</t>
    </rPh>
    <rPh sb="14" eb="16">
      <t>ショウガク</t>
    </rPh>
    <rPh sb="16" eb="17">
      <t>ブ</t>
    </rPh>
    <rPh sb="18" eb="20">
      <t>ニュウガク</t>
    </rPh>
    <rPh sb="21" eb="23">
      <t>ケントウ</t>
    </rPh>
    <rPh sb="27" eb="28">
      <t>カタ</t>
    </rPh>
    <rPh sb="30" eb="32">
      <t>キョウイク</t>
    </rPh>
    <rPh sb="32" eb="34">
      <t>カツドウ</t>
    </rPh>
    <rPh sb="35" eb="37">
      <t>ガイヨウ</t>
    </rPh>
    <rPh sb="38" eb="40">
      <t>セツメイ</t>
    </rPh>
    <phoneticPr fontId="5"/>
  </si>
  <si>
    <t>竹村町バス停</t>
    <rPh sb="0" eb="3">
      <t>タケムラチョウ</t>
    </rPh>
    <rPh sb="5" eb="6">
      <t>テイ</t>
    </rPh>
    <phoneticPr fontId="5"/>
  </si>
  <si>
    <t>瀬谷支援学校</t>
    <rPh sb="0" eb="6">
      <t>セヤシエンガッコウ</t>
    </rPh>
    <phoneticPr fontId="5"/>
  </si>
  <si>
    <t>令和９年4月から小学部の入学を検討している年中・年少の未就学児とその保護者　25名</t>
    <rPh sb="34" eb="37">
      <t>ホゴシャ</t>
    </rPh>
    <rPh sb="40" eb="41">
      <t>メイ</t>
    </rPh>
    <phoneticPr fontId="5"/>
  </si>
  <si>
    <t>瀬谷支援学校
中学部学校説明会①</t>
    <rPh sb="0" eb="6">
      <t>セヤシエンガッコウ</t>
    </rPh>
    <rPh sb="7" eb="9">
      <t>チュウガク</t>
    </rPh>
    <rPh sb="9" eb="10">
      <t>ブ</t>
    </rPh>
    <rPh sb="10" eb="12">
      <t>ガッコウ</t>
    </rPh>
    <rPh sb="11" eb="12">
      <t>ショウガク</t>
    </rPh>
    <rPh sb="12" eb="15">
      <t>セツメイカイ</t>
    </rPh>
    <phoneticPr fontId="5"/>
  </si>
  <si>
    <t>令和９年４月から瀬谷支援学校中学部の入学を検討している方に、教育活動の概要を説明します。</t>
    <rPh sb="0" eb="2">
      <t>レイワ</t>
    </rPh>
    <rPh sb="3" eb="4">
      <t>ネン</t>
    </rPh>
    <rPh sb="5" eb="6">
      <t>ガツ</t>
    </rPh>
    <rPh sb="14" eb="16">
      <t>チュウガク</t>
    </rPh>
    <rPh sb="16" eb="17">
      <t>ブ</t>
    </rPh>
    <rPh sb="18" eb="20">
      <t>ニュウガク</t>
    </rPh>
    <rPh sb="21" eb="23">
      <t>ケントウ</t>
    </rPh>
    <rPh sb="27" eb="28">
      <t>カタ</t>
    </rPh>
    <rPh sb="30" eb="32">
      <t>キョウイク</t>
    </rPh>
    <rPh sb="32" eb="34">
      <t>カツドウ</t>
    </rPh>
    <rPh sb="35" eb="37">
      <t>ガイヨウ</t>
    </rPh>
    <rPh sb="38" eb="40">
      <t>セツメイ</t>
    </rPh>
    <phoneticPr fontId="5"/>
  </si>
  <si>
    <t>令和９年4月から中学部の入学を検討している小学５年生・４年生とその保護者　25名</t>
    <rPh sb="8" eb="9">
      <t>チュウ</t>
    </rPh>
    <rPh sb="21" eb="22">
      <t>ショウ</t>
    </rPh>
    <rPh sb="33" eb="36">
      <t>ホゴシャ</t>
    </rPh>
    <rPh sb="39" eb="40">
      <t>メイ</t>
    </rPh>
    <phoneticPr fontId="5"/>
  </si>
  <si>
    <t>瀬谷支援学校
中学部学校説明会②</t>
    <rPh sb="0" eb="6">
      <t>セヤシエンガッコウ</t>
    </rPh>
    <rPh sb="7" eb="9">
      <t>チュウガク</t>
    </rPh>
    <rPh sb="9" eb="10">
      <t>ブ</t>
    </rPh>
    <rPh sb="10" eb="12">
      <t>ガッコウ</t>
    </rPh>
    <rPh sb="11" eb="12">
      <t>ショウガク</t>
    </rPh>
    <rPh sb="12" eb="15">
      <t>セツメイカイ</t>
    </rPh>
    <phoneticPr fontId="5"/>
  </si>
  <si>
    <t>瀬谷支援学校
小学部学校説明会②</t>
    <rPh sb="0" eb="6">
      <t>セヤシエンガッコウ</t>
    </rPh>
    <rPh sb="7" eb="9">
      <t>ショウガク</t>
    </rPh>
    <rPh sb="9" eb="10">
      <t>ブ</t>
    </rPh>
    <rPh sb="10" eb="12">
      <t>ガッコウ</t>
    </rPh>
    <rPh sb="11" eb="12">
      <t>ショウガク</t>
    </rPh>
    <rPh sb="12" eb="15">
      <t>セツメイカイ</t>
    </rPh>
    <phoneticPr fontId="5"/>
  </si>
  <si>
    <t>大和市</t>
  </si>
  <si>
    <t>瀬谷支援学校
大和南分教室
学校説明会①</t>
    <rPh sb="0" eb="6">
      <t>セヤシエンガッコウ</t>
    </rPh>
    <rPh sb="7" eb="13">
      <t>ヤマトミナミブンキョウシツ</t>
    </rPh>
    <rPh sb="14" eb="16">
      <t>ガッコウ</t>
    </rPh>
    <rPh sb="16" eb="19">
      <t>セツメイカイ</t>
    </rPh>
    <phoneticPr fontId="5"/>
  </si>
  <si>
    <t>令和９年４月から瀬谷支援学校大和南分教室の入学を検討している方に、教育活動の概要を説明します。</t>
    <rPh sb="0" eb="2">
      <t>レイワ</t>
    </rPh>
    <rPh sb="3" eb="4">
      <t>ネン</t>
    </rPh>
    <rPh sb="5" eb="6">
      <t>ガツ</t>
    </rPh>
    <rPh sb="8" eb="14">
      <t>セヤシエンガッコウ</t>
    </rPh>
    <rPh sb="14" eb="20">
      <t>ヤマトミナミブンキョウシツ</t>
    </rPh>
    <rPh sb="21" eb="23">
      <t>ニュウガク</t>
    </rPh>
    <rPh sb="24" eb="26">
      <t>ケントウ</t>
    </rPh>
    <rPh sb="30" eb="31">
      <t>カタ</t>
    </rPh>
    <rPh sb="33" eb="35">
      <t>キョウイク</t>
    </rPh>
    <rPh sb="35" eb="37">
      <t>カツドウ</t>
    </rPh>
    <rPh sb="38" eb="40">
      <t>ガイヨウ</t>
    </rPh>
    <rPh sb="41" eb="43">
      <t>セツメイ</t>
    </rPh>
    <phoneticPr fontId="5"/>
  </si>
  <si>
    <t>小田急江ノ島線　桜が丘駅</t>
    <rPh sb="0" eb="3">
      <t>オダキュウ</t>
    </rPh>
    <rPh sb="3" eb="4">
      <t>エ</t>
    </rPh>
    <rPh sb="5" eb="6">
      <t>シマ</t>
    </rPh>
    <rPh sb="6" eb="7">
      <t>セン</t>
    </rPh>
    <rPh sb="8" eb="9">
      <t>サクラ</t>
    </rPh>
    <rPh sb="10" eb="11">
      <t>オカ</t>
    </rPh>
    <rPh sb="11" eb="12">
      <t>エキ</t>
    </rPh>
    <phoneticPr fontId="5"/>
  </si>
  <si>
    <t>令和９年4月から大和南分教室の入学を検討している中学２年生と保護者　40名</t>
    <rPh sb="8" eb="11">
      <t>ヤマトミナミ</t>
    </rPh>
    <rPh sb="11" eb="12">
      <t>ブン</t>
    </rPh>
    <rPh sb="12" eb="14">
      <t>キョウシツ</t>
    </rPh>
    <rPh sb="30" eb="33">
      <t>ホゴシャ</t>
    </rPh>
    <rPh sb="36" eb="37">
      <t>メイ</t>
    </rPh>
    <phoneticPr fontId="5"/>
  </si>
  <si>
    <t>瀬谷支援学校
大和南分教室
学校説明会②</t>
    <rPh sb="0" eb="6">
      <t>セヤシエンガッコウ</t>
    </rPh>
    <rPh sb="7" eb="13">
      <t>ヤマトミナミブンキョウシツ</t>
    </rPh>
    <rPh sb="14" eb="16">
      <t>ガッコウ</t>
    </rPh>
    <rPh sb="16" eb="19">
      <t>セツメイカイ</t>
    </rPh>
    <phoneticPr fontId="5"/>
  </si>
  <si>
    <t>瀬谷支援学校
大和南分教室
学校説明会③</t>
    <rPh sb="0" eb="6">
      <t>セヤシエンガッコウ</t>
    </rPh>
    <rPh sb="7" eb="13">
      <t>ヤマトミナミブンキョウシツ</t>
    </rPh>
    <rPh sb="14" eb="16">
      <t>ガッコウ</t>
    </rPh>
    <rPh sb="16" eb="19">
      <t>セツメイカイ</t>
    </rPh>
    <phoneticPr fontId="5"/>
  </si>
  <si>
    <t>瀬谷支援学校
中学部学校説明会③</t>
    <rPh sb="0" eb="6">
      <t>セヤシエンガッコウ</t>
    </rPh>
    <rPh sb="7" eb="9">
      <t>チュウガク</t>
    </rPh>
    <rPh sb="9" eb="10">
      <t>ブ</t>
    </rPh>
    <rPh sb="10" eb="12">
      <t>ガッコウ</t>
    </rPh>
    <rPh sb="11" eb="12">
      <t>ショウガク</t>
    </rPh>
    <rPh sb="12" eb="15">
      <t>セツメイカイ</t>
    </rPh>
    <phoneticPr fontId="5"/>
  </si>
  <si>
    <t>瀬谷支援学校
大和南分教室
学校説明会④</t>
    <rPh sb="0" eb="6">
      <t>セヤシエンガッコウ</t>
    </rPh>
    <rPh sb="7" eb="13">
      <t>ヤマトミナミブンキョウシツ</t>
    </rPh>
    <rPh sb="14" eb="16">
      <t>ガッコウ</t>
    </rPh>
    <rPh sb="16" eb="19">
      <t>セツメイカイ</t>
    </rPh>
    <phoneticPr fontId="5"/>
  </si>
  <si>
    <t>瀬谷支援学校
大和東分教室
学校説明会①</t>
    <rPh sb="0" eb="6">
      <t>セヤシエンガッコウ</t>
    </rPh>
    <rPh sb="7" eb="9">
      <t>ヤマト</t>
    </rPh>
    <rPh sb="9" eb="10">
      <t>ヒガシ</t>
    </rPh>
    <rPh sb="10" eb="11">
      <t>ブン</t>
    </rPh>
    <rPh sb="11" eb="13">
      <t>キョウシツ</t>
    </rPh>
    <rPh sb="14" eb="16">
      <t>ガッコウ</t>
    </rPh>
    <rPh sb="16" eb="19">
      <t>セツメイカイ</t>
    </rPh>
    <phoneticPr fontId="5"/>
  </si>
  <si>
    <t>令和９年４月から瀬谷支援学校大和東分教室の入学を検討している方に、教育活動の概要を説明します。</t>
    <rPh sb="0" eb="2">
      <t>レイワ</t>
    </rPh>
    <rPh sb="3" eb="4">
      <t>ネン</t>
    </rPh>
    <rPh sb="5" eb="6">
      <t>ガツ</t>
    </rPh>
    <rPh sb="8" eb="14">
      <t>セヤシエンガッコウ</t>
    </rPh>
    <rPh sb="14" eb="16">
      <t>ヤマト</t>
    </rPh>
    <rPh sb="16" eb="17">
      <t>ヒガシ</t>
    </rPh>
    <rPh sb="17" eb="18">
      <t>ブン</t>
    </rPh>
    <rPh sb="18" eb="20">
      <t>キョウシツ</t>
    </rPh>
    <rPh sb="21" eb="23">
      <t>ニュウガク</t>
    </rPh>
    <rPh sb="24" eb="26">
      <t>ケントウ</t>
    </rPh>
    <rPh sb="30" eb="31">
      <t>カタ</t>
    </rPh>
    <rPh sb="33" eb="35">
      <t>キョウイク</t>
    </rPh>
    <rPh sb="35" eb="37">
      <t>カツドウ</t>
    </rPh>
    <rPh sb="38" eb="40">
      <t>ガイヨウ</t>
    </rPh>
    <rPh sb="41" eb="43">
      <t>セツメイ</t>
    </rPh>
    <phoneticPr fontId="5"/>
  </si>
  <si>
    <t>小田急江ノ島線　大和駅</t>
    <rPh sb="0" eb="3">
      <t>オダキュウ</t>
    </rPh>
    <rPh sb="3" eb="4">
      <t>エ</t>
    </rPh>
    <rPh sb="5" eb="6">
      <t>シマ</t>
    </rPh>
    <rPh sb="6" eb="7">
      <t>セン</t>
    </rPh>
    <rPh sb="8" eb="10">
      <t>ヤマト</t>
    </rPh>
    <rPh sb="10" eb="11">
      <t>エキ</t>
    </rPh>
    <phoneticPr fontId="5"/>
  </si>
  <si>
    <t>令和９年4月から大和東分教室の入学を検討している中学２年生と保護者　40名</t>
    <rPh sb="8" eb="10">
      <t>ヤマト</t>
    </rPh>
    <rPh sb="10" eb="11">
      <t>ヒガシ</t>
    </rPh>
    <rPh sb="11" eb="12">
      <t>ブン</t>
    </rPh>
    <rPh sb="12" eb="14">
      <t>キョウシツ</t>
    </rPh>
    <rPh sb="30" eb="33">
      <t>ホゴシャ</t>
    </rPh>
    <rPh sb="36" eb="37">
      <t>メイ</t>
    </rPh>
    <phoneticPr fontId="5"/>
  </si>
  <si>
    <t>横浜市
神奈川区</t>
    <rPh sb="0" eb="3">
      <t>ヨコハマシ</t>
    </rPh>
    <phoneticPr fontId="5"/>
  </si>
  <si>
    <t>翔鷗祭（神奈川総合高等学校文化祭）</t>
    <rPh sb="0" eb="3">
      <t>ショウオウサイ</t>
    </rPh>
    <rPh sb="4" eb="9">
      <t>カナガワソウゴウ</t>
    </rPh>
    <rPh sb="9" eb="11">
      <t>コウトウ</t>
    </rPh>
    <rPh sb="11" eb="13">
      <t>ガッコウ</t>
    </rPh>
    <rPh sb="13" eb="16">
      <t>ブンカサイ</t>
    </rPh>
    <phoneticPr fontId="5"/>
  </si>
  <si>
    <t>神奈川総合高校の文化祭です。すべての参加団体が有志で、高い自主性が発揮される行事です。屋台、展示、ステージ、スタッフなど様々な場で、それぞれの個性を輝かせます。</t>
    <rPh sb="0" eb="5">
      <t>カナガワソウゴウ</t>
    </rPh>
    <rPh sb="5" eb="7">
      <t>コウコウ</t>
    </rPh>
    <rPh sb="8" eb="11">
      <t>ブンカサイ</t>
    </rPh>
    <rPh sb="18" eb="22">
      <t>サンカダンタイ</t>
    </rPh>
    <rPh sb="23" eb="25">
      <t>ユウシ</t>
    </rPh>
    <rPh sb="27" eb="28">
      <t>タカ</t>
    </rPh>
    <rPh sb="29" eb="32">
      <t>ジシュセイ</t>
    </rPh>
    <rPh sb="33" eb="35">
      <t>ハッキ</t>
    </rPh>
    <rPh sb="38" eb="40">
      <t>ギョウジ</t>
    </rPh>
    <rPh sb="43" eb="45">
      <t>ヤタイ</t>
    </rPh>
    <rPh sb="46" eb="48">
      <t>テンジ</t>
    </rPh>
    <rPh sb="60" eb="62">
      <t>サマザマ</t>
    </rPh>
    <rPh sb="63" eb="64">
      <t>バ</t>
    </rPh>
    <rPh sb="71" eb="73">
      <t>コセイ</t>
    </rPh>
    <rPh sb="74" eb="75">
      <t>カガヤ</t>
    </rPh>
    <phoneticPr fontId="5"/>
  </si>
  <si>
    <t>神奈川総合高等学校</t>
    <rPh sb="0" eb="9">
      <t>カナガワソウゴウコウトウガッコウ</t>
    </rPh>
    <phoneticPr fontId="5"/>
  </si>
  <si>
    <t>東白楽駅</t>
    <rPh sb="0" eb="4">
      <t>ヒガシハクラクエキ</t>
    </rPh>
    <phoneticPr fontId="5"/>
  </si>
  <si>
    <t>神奈川総合高等学校説明会</t>
    <rPh sb="0" eb="5">
      <t>カナガワソウゴウ</t>
    </rPh>
    <rPh sb="5" eb="7">
      <t>コウトウ</t>
    </rPh>
    <rPh sb="7" eb="12">
      <t>ガッコウセツメイカイ</t>
    </rPh>
    <phoneticPr fontId="5"/>
  </si>
  <si>
    <t>中学生向け</t>
    <rPh sb="0" eb="4">
      <t>チュウガクセイム</t>
    </rPh>
    <phoneticPr fontId="5"/>
  </si>
  <si>
    <t>https://www.pen-kanagawa.ed.jp/kanagawasohgoh-h/nyugaku/nyugaku01/n2025.html</t>
    <phoneticPr fontId="5"/>
  </si>
  <si>
    <t>秦野市</t>
  </si>
  <si>
    <t>中学生、および、その保護者に本校に来校していただき、学校の概要を説明する。</t>
    <rPh sb="0" eb="3">
      <t>チュウガクセイ</t>
    </rPh>
    <rPh sb="10" eb="13">
      <t>ホゴシャ</t>
    </rPh>
    <rPh sb="14" eb="16">
      <t>ホンコウ</t>
    </rPh>
    <rPh sb="17" eb="19">
      <t>ライコウ</t>
    </rPh>
    <rPh sb="26" eb="28">
      <t>ガッコウ</t>
    </rPh>
    <rPh sb="29" eb="31">
      <t>ガイヨウ</t>
    </rPh>
    <rPh sb="32" eb="34">
      <t>セツメイ</t>
    </rPh>
    <phoneticPr fontId="5"/>
  </si>
  <si>
    <t>秦野曽屋高等学校　視聴覚室他</t>
    <rPh sb="0" eb="8">
      <t>ハダノソヤコウトウガッコウ</t>
    </rPh>
    <rPh sb="9" eb="13">
      <t>シチョウカクシツ</t>
    </rPh>
    <rPh sb="13" eb="14">
      <t>ホカ</t>
    </rPh>
    <phoneticPr fontId="5"/>
  </si>
  <si>
    <t>秦野駅</t>
    <rPh sb="0" eb="2">
      <t>ハダノ</t>
    </rPh>
    <rPh sb="2" eb="3">
      <t>エキ</t>
    </rPh>
    <phoneticPr fontId="5"/>
  </si>
  <si>
    <t>秦野曽屋高等学校
広報特色・情報グループ</t>
    <rPh sb="0" eb="8">
      <t>ハダノソヤコウトウガッコウ</t>
    </rPh>
    <rPh sb="9" eb="13">
      <t>コウホウトクショク</t>
    </rPh>
    <rPh sb="14" eb="16">
      <t>ジョウホウ</t>
    </rPh>
    <phoneticPr fontId="5"/>
  </si>
  <si>
    <t>本校受検を検討している中学生および保護者</t>
    <rPh sb="0" eb="4">
      <t>ホンコウジュケン</t>
    </rPh>
    <rPh sb="5" eb="7">
      <t>ケントウ</t>
    </rPh>
    <rPh sb="11" eb="14">
      <t>チュウガクセイ</t>
    </rPh>
    <rPh sb="17" eb="20">
      <t>ホゴシャ</t>
    </rPh>
    <phoneticPr fontId="5"/>
  </si>
  <si>
    <t>https://www.pen-kanagawa.ed.jp/hadanosoya-h/</t>
    <phoneticPr fontId="5"/>
  </si>
  <si>
    <t>綾瀬市</t>
  </si>
  <si>
    <t>青綾祭（文化祭）</t>
    <rPh sb="0" eb="1">
      <t>セイ</t>
    </rPh>
    <rPh sb="1" eb="2">
      <t>アヤ</t>
    </rPh>
    <rPh sb="2" eb="3">
      <t>サイ</t>
    </rPh>
    <rPh sb="4" eb="7">
      <t>ブンカサイ</t>
    </rPh>
    <phoneticPr fontId="5"/>
  </si>
  <si>
    <t>中庭や体育館でのステージ発表、各ホームルームクラスや委員会等の企画（食品版売、ゲーム、お化け屋敷等）で盛り上がります！</t>
    <rPh sb="0" eb="2">
      <t>ナカニワ</t>
    </rPh>
    <rPh sb="3" eb="6">
      <t>タイイクカン</t>
    </rPh>
    <rPh sb="12" eb="14">
      <t>ハッピョウ</t>
    </rPh>
    <rPh sb="15" eb="16">
      <t>カク</t>
    </rPh>
    <rPh sb="26" eb="29">
      <t>イインカイ</t>
    </rPh>
    <rPh sb="29" eb="30">
      <t>トウ</t>
    </rPh>
    <rPh sb="31" eb="33">
      <t>キカク</t>
    </rPh>
    <rPh sb="34" eb="36">
      <t>ショクヒン</t>
    </rPh>
    <rPh sb="36" eb="38">
      <t>バンバイ</t>
    </rPh>
    <rPh sb="44" eb="45">
      <t>バ</t>
    </rPh>
    <rPh sb="46" eb="48">
      <t>ヤシキ</t>
    </rPh>
    <rPh sb="48" eb="49">
      <t>トウ</t>
    </rPh>
    <rPh sb="51" eb="52">
      <t>モ</t>
    </rPh>
    <rPh sb="53" eb="54">
      <t>ア</t>
    </rPh>
    <phoneticPr fontId="5"/>
  </si>
  <si>
    <t>海老名駅</t>
    <rPh sb="0" eb="4">
      <t>エビナエキ</t>
    </rPh>
    <phoneticPr fontId="5"/>
  </si>
  <si>
    <t>https://www.pen-kanagawa.ed.jp/ayasenishi-h/index.html</t>
    <phoneticPr fontId="5"/>
  </si>
  <si>
    <t>第2回学校説明会</t>
    <rPh sb="0" eb="1">
      <t>ダイ</t>
    </rPh>
    <rPh sb="2" eb="3">
      <t>カイ</t>
    </rPh>
    <rPh sb="3" eb="5">
      <t>ガッコウ</t>
    </rPh>
    <rPh sb="5" eb="8">
      <t>セツメイカイ</t>
    </rPh>
    <phoneticPr fontId="5"/>
  </si>
  <si>
    <t>学校概要、教育課程、入学者選抜、学校生活の説明、個別相談、施設見学</t>
  </si>
  <si>
    <t>本校への入学を検討されている中学生とその保護者の方</t>
    <rPh sb="0" eb="2">
      <t>ホンコウ</t>
    </rPh>
    <rPh sb="4" eb="6">
      <t>ニュウガク</t>
    </rPh>
    <rPh sb="7" eb="9">
      <t>ケントウ</t>
    </rPh>
    <rPh sb="14" eb="17">
      <t>チュウガクセイ</t>
    </rPh>
    <rPh sb="20" eb="23">
      <t>ホゴシャ</t>
    </rPh>
    <rPh sb="24" eb="25">
      <t>カタ</t>
    </rPh>
    <phoneticPr fontId="5"/>
  </si>
  <si>
    <t>部活動体験＆部活動見学</t>
    <rPh sb="0" eb="3">
      <t>ブカツドウ</t>
    </rPh>
    <rPh sb="3" eb="5">
      <t>タイケン</t>
    </rPh>
    <rPh sb="6" eb="9">
      <t>ブカツドウ</t>
    </rPh>
    <rPh sb="9" eb="11">
      <t>ケンガク</t>
    </rPh>
    <phoneticPr fontId="5"/>
  </si>
  <si>
    <t>中学生に本校の部活動を体験又は見学してもらうイベントです。</t>
    <rPh sb="0" eb="2">
      <t>チュウガク</t>
    </rPh>
    <rPh sb="2" eb="3">
      <t>セイ</t>
    </rPh>
    <rPh sb="4" eb="6">
      <t>ホンコウ</t>
    </rPh>
    <rPh sb="7" eb="10">
      <t>ブカツドウ</t>
    </rPh>
    <rPh sb="11" eb="13">
      <t>タイケン</t>
    </rPh>
    <rPh sb="13" eb="14">
      <t>マタ</t>
    </rPh>
    <rPh sb="15" eb="17">
      <t>ケンガク</t>
    </rPh>
    <phoneticPr fontId="5"/>
  </si>
  <si>
    <t>綾瀬高等学校オープンスクール</t>
  </si>
  <si>
    <t>綾瀬高校の授業や部活動などの見学を通して、県立高校の教育や本校の特色を実感してください。主体的に進路について考える機会になることを願っております。</t>
  </si>
  <si>
    <t>2025/10/11</t>
    <phoneticPr fontId="5"/>
  </si>
  <si>
    <t>綾瀬高等学校</t>
  </si>
  <si>
    <t>海老名駅/さがみ野駅/長後駅</t>
  </si>
  <si>
    <t>綾瀬高等学校
生徒会・広報グループ</t>
    <rPh sb="7" eb="10">
      <t>セイトカイ</t>
    </rPh>
    <rPh sb="11" eb="13">
      <t>コウホウ</t>
    </rPh>
    <phoneticPr fontId="5"/>
  </si>
  <si>
    <t>中学生及びその保護者</t>
  </si>
  <si>
    <t>本校の教育方針に基づき、学校説明会を実施する。</t>
    <rPh sb="0" eb="2">
      <t>ホンコウ</t>
    </rPh>
    <rPh sb="3" eb="5">
      <t>キョウイク</t>
    </rPh>
    <rPh sb="5" eb="7">
      <t>ホウシン</t>
    </rPh>
    <rPh sb="8" eb="9">
      <t>モト</t>
    </rPh>
    <rPh sb="12" eb="14">
      <t>ガッコウ</t>
    </rPh>
    <rPh sb="14" eb="17">
      <t>セツメイカイ</t>
    </rPh>
    <rPh sb="18" eb="20">
      <t>ジッシ</t>
    </rPh>
    <phoneticPr fontId="5"/>
  </si>
  <si>
    <t>JR相模線
社家駅</t>
    <rPh sb="2" eb="5">
      <t>サガミセン</t>
    </rPh>
    <rPh sb="6" eb="8">
      <t>シャケ</t>
    </rPh>
    <rPh sb="8" eb="9">
      <t>エキ</t>
    </rPh>
    <phoneticPr fontId="5"/>
  </si>
  <si>
    <t>有馬高校の受検を考えている中学生または保護者</t>
    <rPh sb="0" eb="2">
      <t>アリマ</t>
    </rPh>
    <rPh sb="2" eb="4">
      <t>コウコウ</t>
    </rPh>
    <rPh sb="5" eb="7">
      <t>ジュケン</t>
    </rPh>
    <rPh sb="8" eb="9">
      <t>カンガ</t>
    </rPh>
    <rPh sb="13" eb="16">
      <t>チュウガクセイ</t>
    </rPh>
    <rPh sb="19" eb="22">
      <t>ホゴシャ</t>
    </rPh>
    <phoneticPr fontId="5"/>
  </si>
  <si>
    <t>有馬高校
広報特色グループ</t>
    <rPh sb="0" eb="4">
      <t>アリマコウコウ</t>
    </rPh>
    <rPh sb="5" eb="7">
      <t>コウホウ</t>
    </rPh>
    <rPh sb="7" eb="9">
      <t>トクショク</t>
    </rPh>
    <phoneticPr fontId="5"/>
  </si>
  <si>
    <t>https://www.pen-kanagawa.ed.jp/arima-h/</t>
  </si>
  <si>
    <t>横浜市
都筑区</t>
    <rPh sb="0" eb="2">
      <t>ヨコハマ</t>
    </rPh>
    <rPh sb="2" eb="3">
      <t>シ</t>
    </rPh>
    <rPh sb="4" eb="6">
      <t>ツヅキ</t>
    </rPh>
    <phoneticPr fontId="5"/>
  </si>
  <si>
    <t>第２回学校説明会</t>
    <rPh sb="0" eb="1">
      <t>ダイ</t>
    </rPh>
    <rPh sb="2" eb="3">
      <t>カイ</t>
    </rPh>
    <rPh sb="3" eb="8">
      <t>ガッコウセツメイカイ</t>
    </rPh>
    <phoneticPr fontId="5"/>
  </si>
  <si>
    <t>中学生及びその保護者の進路選択に資するため、本校の概要と特色を説明する。</t>
    <rPh sb="11" eb="13">
      <t>シンロ</t>
    </rPh>
    <rPh sb="13" eb="15">
      <t>センタク</t>
    </rPh>
    <rPh sb="16" eb="17">
      <t>シ</t>
    </rPh>
    <phoneticPr fontId="5"/>
  </si>
  <si>
    <t>緑公会堂</t>
    <rPh sb="0" eb="4">
      <t>ミドリコウカイドウ</t>
    </rPh>
    <phoneticPr fontId="5"/>
  </si>
  <si>
    <t>中山駅</t>
    <rPh sb="0" eb="3">
      <t>ナカヤマエキ</t>
    </rPh>
    <phoneticPr fontId="5"/>
  </si>
  <si>
    <t>川和高等学校地域総務グループ</t>
    <rPh sb="0" eb="6">
      <t>カワワコウトウガッコウ</t>
    </rPh>
    <rPh sb="6" eb="10">
      <t>チイキソウム</t>
    </rPh>
    <phoneticPr fontId="5"/>
  </si>
  <si>
    <t>https://www.pen-kanagawa.ed.jp/kawawa-h/</t>
    <phoneticPr fontId="5"/>
  </si>
  <si>
    <t>横浜市
港北区</t>
    <rPh sb="0" eb="3">
      <t>ヨコハマシ</t>
    </rPh>
    <phoneticPr fontId="5"/>
  </si>
  <si>
    <t>港北高校の学校生活や行事、進路指導、授業、部活動などについて説明するほか、施設見学を行い、港北高校の魅力を理解してもらう。</t>
    <rPh sb="0" eb="2">
      <t>コウホク</t>
    </rPh>
    <rPh sb="2" eb="4">
      <t>コウコウ</t>
    </rPh>
    <rPh sb="5" eb="9">
      <t>ガッコウセイカツ</t>
    </rPh>
    <rPh sb="10" eb="12">
      <t>ギョウジ</t>
    </rPh>
    <rPh sb="13" eb="17">
      <t>シンロシドウ</t>
    </rPh>
    <rPh sb="18" eb="20">
      <t>ジュギョウ</t>
    </rPh>
    <rPh sb="21" eb="24">
      <t>ブカツドウ</t>
    </rPh>
    <rPh sb="30" eb="32">
      <t>セツメイ</t>
    </rPh>
    <rPh sb="37" eb="39">
      <t>シセツ</t>
    </rPh>
    <rPh sb="39" eb="41">
      <t>ケンガク</t>
    </rPh>
    <rPh sb="42" eb="43">
      <t>オコナ</t>
    </rPh>
    <rPh sb="45" eb="47">
      <t>コウホク</t>
    </rPh>
    <rPh sb="47" eb="49">
      <t>コウコウ</t>
    </rPh>
    <rPh sb="50" eb="52">
      <t>ミリョク</t>
    </rPh>
    <rPh sb="53" eb="55">
      <t>リカイ</t>
    </rPh>
    <phoneticPr fontId="5"/>
  </si>
  <si>
    <t>新羽駅、大倉山駅、新横浜駅</t>
    <rPh sb="0" eb="3">
      <t>ニッパエキ</t>
    </rPh>
    <rPh sb="4" eb="7">
      <t>オオクラヤマ</t>
    </rPh>
    <rPh sb="7" eb="8">
      <t>エキ</t>
    </rPh>
    <rPh sb="9" eb="12">
      <t>シンヨコハマ</t>
    </rPh>
    <rPh sb="12" eb="13">
      <t>エキ</t>
    </rPh>
    <phoneticPr fontId="5"/>
  </si>
  <si>
    <t>本校へ入学を考えている中学３年生およびその保護者</t>
    <rPh sb="0" eb="2">
      <t>ホンコウ</t>
    </rPh>
    <rPh sb="3" eb="5">
      <t>ニュウガク</t>
    </rPh>
    <rPh sb="6" eb="7">
      <t>カンガ</t>
    </rPh>
    <rPh sb="11" eb="13">
      <t>チュウガク</t>
    </rPh>
    <rPh sb="14" eb="16">
      <t>ネンセイ</t>
    </rPh>
    <rPh sb="21" eb="24">
      <t>ホゴシャ</t>
    </rPh>
    <phoneticPr fontId="5"/>
  </si>
  <si>
    <t>https://www.pen-kanagawa.ed.jp/kohoku-h/gakkoukenngaku.html</t>
    <phoneticPr fontId="5"/>
  </si>
  <si>
    <t>本校の教育方針、教育課程や学校の様子を紹介し、施設見学をおこないます。</t>
    <rPh sb="0" eb="2">
      <t>ホンコウ</t>
    </rPh>
    <rPh sb="3" eb="5">
      <t>キョウイク</t>
    </rPh>
    <rPh sb="5" eb="7">
      <t>ホウシン</t>
    </rPh>
    <rPh sb="8" eb="10">
      <t>キョウイク</t>
    </rPh>
    <rPh sb="10" eb="12">
      <t>カテイ</t>
    </rPh>
    <rPh sb="13" eb="15">
      <t>ガッコウ</t>
    </rPh>
    <rPh sb="16" eb="18">
      <t>ヨウス</t>
    </rPh>
    <rPh sb="19" eb="21">
      <t>ショウカイ</t>
    </rPh>
    <rPh sb="23" eb="25">
      <t>シセツ</t>
    </rPh>
    <rPh sb="25" eb="27">
      <t>ケンガク</t>
    </rPh>
    <phoneticPr fontId="5"/>
  </si>
  <si>
    <t>2025/10/04
2025/10/25</t>
    <phoneticPr fontId="5"/>
  </si>
  <si>
    <t>鎌倉高等学校</t>
    <rPh sb="0" eb="2">
      <t>カマクラ</t>
    </rPh>
    <rPh sb="2" eb="4">
      <t>コウトウ</t>
    </rPh>
    <rPh sb="4" eb="6">
      <t>ガッコウ</t>
    </rPh>
    <phoneticPr fontId="5"/>
  </si>
  <si>
    <t>鎌倉高校前</t>
    <rPh sb="0" eb="2">
      <t>カマクラ</t>
    </rPh>
    <rPh sb="2" eb="4">
      <t>コウコウ</t>
    </rPh>
    <rPh sb="4" eb="5">
      <t>マエ</t>
    </rPh>
    <phoneticPr fontId="5"/>
  </si>
  <si>
    <t>本校への入学を希望している中学生とその保護者</t>
    <rPh sb="0" eb="2">
      <t>ホンコウ</t>
    </rPh>
    <rPh sb="4" eb="6">
      <t>ニュウガク</t>
    </rPh>
    <rPh sb="7" eb="9">
      <t>キボウ</t>
    </rPh>
    <rPh sb="13" eb="16">
      <t>チュウガクセイ</t>
    </rPh>
    <rPh sb="19" eb="22">
      <t>ホゴシャ</t>
    </rPh>
    <phoneticPr fontId="5"/>
  </si>
  <si>
    <t>鎌倉高等学校　管理グループ</t>
    <rPh sb="0" eb="2">
      <t>カマクラ</t>
    </rPh>
    <rPh sb="2" eb="4">
      <t>コウトウ</t>
    </rPh>
    <rPh sb="4" eb="6">
      <t>ガッコウ</t>
    </rPh>
    <rPh sb="7" eb="9">
      <t>カンリ</t>
    </rPh>
    <phoneticPr fontId="5"/>
  </si>
  <si>
    <t>藤沢市</t>
  </si>
  <si>
    <t>翡翠祭（文化祭）</t>
    <phoneticPr fontId="5"/>
  </si>
  <si>
    <t>藤沢総合高校の生徒のクラスや部活動、有志の発表を行います。</t>
    <phoneticPr fontId="5"/>
  </si>
  <si>
    <t>長後駅</t>
    <rPh sb="0" eb="2">
      <t>チョウゴ</t>
    </rPh>
    <rPh sb="2" eb="3">
      <t>エキ</t>
    </rPh>
    <phoneticPr fontId="5"/>
  </si>
  <si>
    <t>中学生とその保護者</t>
    <phoneticPr fontId="5"/>
  </si>
  <si>
    <t>第１回学校説明会</t>
    <phoneticPr fontId="5"/>
  </si>
  <si>
    <t>中学生とその保護者の皆様に藤沢総合高校の特色について知っていただくとともに、学校の様子や部活動の見学を行っていただきます。</t>
    <phoneticPr fontId="5"/>
  </si>
  <si>
    <t>https://www.pen-kanagawa.ed.jp/fujisawasogo-ih/nyugaku/reiwagosetsumeikai.html</t>
    <phoneticPr fontId="5"/>
  </si>
  <si>
    <t>第２回学校説明会</t>
    <phoneticPr fontId="5"/>
  </si>
  <si>
    <t>中学生とその保護者の皆様に藤沢総合高校の特色について知っていただくとともに、学校の様子、部活動等の見学を行っていただきます。</t>
    <phoneticPr fontId="5"/>
  </si>
  <si>
    <t>中学生向けの体験講座になります。本校4科の特徴を体験を通して知ることができます。また、体験と合わせて学校見学なども可能です。</t>
    <rPh sb="0" eb="3">
      <t>チュウガクセイ</t>
    </rPh>
    <rPh sb="3" eb="4">
      <t>ム</t>
    </rPh>
    <rPh sb="6" eb="8">
      <t>タイケン</t>
    </rPh>
    <rPh sb="8" eb="10">
      <t>コウザ</t>
    </rPh>
    <rPh sb="16" eb="18">
      <t>ホンコウ</t>
    </rPh>
    <rPh sb="19" eb="20">
      <t>カ</t>
    </rPh>
    <rPh sb="21" eb="23">
      <t>トクチョウ</t>
    </rPh>
    <rPh sb="24" eb="26">
      <t>タイケン</t>
    </rPh>
    <rPh sb="27" eb="28">
      <t>トオ</t>
    </rPh>
    <rPh sb="30" eb="31">
      <t>シ</t>
    </rPh>
    <rPh sb="43" eb="45">
      <t>タイケン</t>
    </rPh>
    <rPh sb="46" eb="47">
      <t>ア</t>
    </rPh>
    <rPh sb="50" eb="54">
      <t>ガッコウケンガク</t>
    </rPh>
    <rPh sb="57" eb="59">
      <t>カノウ</t>
    </rPh>
    <phoneticPr fontId="5"/>
  </si>
  <si>
    <t>神奈川工業高等学校</t>
    <rPh sb="0" eb="9">
      <t>カナガワコウギョウコウトウガッコウ</t>
    </rPh>
    <phoneticPr fontId="5"/>
  </si>
  <si>
    <t>東白楽駅
東神奈川駅</t>
    <rPh sb="0" eb="3">
      <t>ヒガシハクラク</t>
    </rPh>
    <rPh sb="3" eb="4">
      <t>エキ</t>
    </rPh>
    <rPh sb="5" eb="10">
      <t>ヒガシカナガワエキ</t>
    </rPh>
    <phoneticPr fontId="5"/>
  </si>
  <si>
    <t>本校や工業に興味がある中学生と保護者</t>
    <rPh sb="0" eb="2">
      <t>ホンコウ</t>
    </rPh>
    <rPh sb="3" eb="5">
      <t>コウギョウ</t>
    </rPh>
    <rPh sb="6" eb="8">
      <t>キョウミ</t>
    </rPh>
    <rPh sb="11" eb="14">
      <t>チュウガクセイ</t>
    </rPh>
    <rPh sb="15" eb="18">
      <t>ホゴシャ</t>
    </rPh>
    <phoneticPr fontId="5"/>
  </si>
  <si>
    <t>神奈川工業高等学校
企画研究グループ</t>
    <rPh sb="0" eb="9">
      <t>カナガワコウギョウコウトウガッコウ</t>
    </rPh>
    <rPh sb="10" eb="14">
      <t>キカクケンキュウ</t>
    </rPh>
    <phoneticPr fontId="5"/>
  </si>
  <si>
    <t>https://www.pen-kanagawa.ed.jp/kanagawa-th/zennichi/nyugaku/index.html</t>
    <phoneticPr fontId="5"/>
  </si>
  <si>
    <t>文化祭（神工祭）</t>
    <rPh sb="0" eb="3">
      <t>ブンカサイ</t>
    </rPh>
    <rPh sb="4" eb="5">
      <t>カミ</t>
    </rPh>
    <rPh sb="5" eb="6">
      <t>コウ</t>
    </rPh>
    <rPh sb="6" eb="7">
      <t>サイ</t>
    </rPh>
    <phoneticPr fontId="5"/>
  </si>
  <si>
    <t>専門高校ならではの企画が目白押しの文化祭です。専門分野の知識や技術、表現力を活かし、工業高校らしい特徴や創意工夫をぜひ直接見て、体験しに来てください。</t>
    <rPh sb="0" eb="2">
      <t>センモン</t>
    </rPh>
    <rPh sb="2" eb="4">
      <t>コウコウ</t>
    </rPh>
    <rPh sb="9" eb="11">
      <t>キカク</t>
    </rPh>
    <rPh sb="12" eb="15">
      <t>メジロオ</t>
    </rPh>
    <rPh sb="17" eb="20">
      <t>ブンカサイ</t>
    </rPh>
    <rPh sb="23" eb="25">
      <t>センモン</t>
    </rPh>
    <rPh sb="25" eb="27">
      <t>ブンヤ</t>
    </rPh>
    <rPh sb="28" eb="30">
      <t>チシキ</t>
    </rPh>
    <rPh sb="31" eb="33">
      <t>ギジュツ</t>
    </rPh>
    <rPh sb="34" eb="37">
      <t>ヒョウゲンリョク</t>
    </rPh>
    <rPh sb="38" eb="39">
      <t>イ</t>
    </rPh>
    <rPh sb="42" eb="44">
      <t>コウギョウ</t>
    </rPh>
    <rPh sb="44" eb="46">
      <t>コウコウ</t>
    </rPh>
    <rPh sb="49" eb="51">
      <t>トクチョウ</t>
    </rPh>
    <rPh sb="52" eb="54">
      <t>ソウイ</t>
    </rPh>
    <rPh sb="54" eb="56">
      <t>クフウ</t>
    </rPh>
    <rPh sb="59" eb="61">
      <t>チョクセツ</t>
    </rPh>
    <rPh sb="61" eb="62">
      <t>ミ</t>
    </rPh>
    <rPh sb="64" eb="66">
      <t>タイケン</t>
    </rPh>
    <rPh sb="68" eb="69">
      <t>キ</t>
    </rPh>
    <phoneticPr fontId="5"/>
  </si>
  <si>
    <t>神奈川工業高等学校
生徒会グループ</t>
    <rPh sb="0" eb="9">
      <t>カナガワコウギョウコウトウガッコウ</t>
    </rPh>
    <rPh sb="10" eb="13">
      <t>セイトカイ</t>
    </rPh>
    <phoneticPr fontId="5"/>
  </si>
  <si>
    <t>横浜市
南区</t>
    <rPh sb="0" eb="3">
      <t>ヨコハマシ</t>
    </rPh>
    <phoneticPr fontId="5"/>
  </si>
  <si>
    <t>清陵祭</t>
    <rPh sb="0" eb="2">
      <t>セイリョウ</t>
    </rPh>
    <rPh sb="2" eb="3">
      <t>サイ</t>
    </rPh>
    <phoneticPr fontId="5"/>
  </si>
  <si>
    <t>毎年開催される文化祭です。</t>
    <rPh sb="0" eb="2">
      <t>マイトシ</t>
    </rPh>
    <rPh sb="2" eb="4">
      <t>カイサイ</t>
    </rPh>
    <rPh sb="7" eb="10">
      <t>ブンカサイ</t>
    </rPh>
    <phoneticPr fontId="5"/>
  </si>
  <si>
    <t>南太田駅
吉野町駅</t>
    <rPh sb="0" eb="4">
      <t>ミナミオオタエキ</t>
    </rPh>
    <rPh sb="5" eb="9">
      <t>ヨシノチョウエキ</t>
    </rPh>
    <phoneticPr fontId="5"/>
  </si>
  <si>
    <t>https://www.pen-kanagawa.ed.jp/y-seiryo-h/</t>
    <phoneticPr fontId="5"/>
  </si>
  <si>
    <t>第１回　学校説明会</t>
    <rPh sb="0" eb="1">
      <t>ダイ</t>
    </rPh>
    <rPh sb="2" eb="3">
      <t>カイ</t>
    </rPh>
    <rPh sb="4" eb="6">
      <t>ガッコウ</t>
    </rPh>
    <rPh sb="6" eb="9">
      <t>セツメイカイ</t>
    </rPh>
    <phoneticPr fontId="5"/>
  </si>
  <si>
    <t>年２回ある学校説明会の第1回目です。</t>
    <rPh sb="0" eb="1">
      <t>ネン</t>
    </rPh>
    <rPh sb="2" eb="3">
      <t>カイ</t>
    </rPh>
    <rPh sb="5" eb="10">
      <t>ガッコウセツメイカイ</t>
    </rPh>
    <rPh sb="11" eb="12">
      <t>ダイ</t>
    </rPh>
    <rPh sb="13" eb="15">
      <t>カイメ</t>
    </rPh>
    <phoneticPr fontId="5"/>
  </si>
  <si>
    <t>第2回　部活動体験入部</t>
    <rPh sb="0" eb="1">
      <t>ダイ</t>
    </rPh>
    <rPh sb="2" eb="3">
      <t>カイ</t>
    </rPh>
    <rPh sb="4" eb="7">
      <t>ブカツドウ</t>
    </rPh>
    <rPh sb="7" eb="11">
      <t>タイケンニュウブ</t>
    </rPh>
    <phoneticPr fontId="5"/>
  </si>
  <si>
    <t>年２回ある中学生に本校の部活動を体験してもらうイベントの第2回目です。</t>
    <rPh sb="0" eb="1">
      <t>ネン</t>
    </rPh>
    <rPh sb="2" eb="3">
      <t>カイ</t>
    </rPh>
    <rPh sb="5" eb="8">
      <t>チュウガクセイ</t>
    </rPh>
    <rPh sb="9" eb="11">
      <t>ホンコウ</t>
    </rPh>
    <rPh sb="12" eb="15">
      <t>ブカツドウ</t>
    </rPh>
    <rPh sb="16" eb="18">
      <t>タイケン</t>
    </rPh>
    <rPh sb="28" eb="29">
      <t>ダイ</t>
    </rPh>
    <rPh sb="30" eb="32">
      <t>カイメ</t>
    </rPh>
    <phoneticPr fontId="5"/>
  </si>
  <si>
    <t>YIS祭</t>
    <rPh sb="3" eb="4">
      <t>マツ</t>
    </rPh>
    <phoneticPr fontId="5"/>
  </si>
  <si>
    <t>横浜国際高校の文化祭です。クラスや部活などの各団体が、様々な催し物を企画し、実行します。</t>
    <rPh sb="0" eb="4">
      <t>ヨコハマコクサイ</t>
    </rPh>
    <rPh sb="4" eb="6">
      <t>コウコウ</t>
    </rPh>
    <rPh sb="7" eb="10">
      <t>ブンカサイ</t>
    </rPh>
    <rPh sb="17" eb="19">
      <t>ブカツ</t>
    </rPh>
    <rPh sb="22" eb="25">
      <t>カクダンタイ</t>
    </rPh>
    <rPh sb="27" eb="29">
      <t>サマザマ</t>
    </rPh>
    <rPh sb="30" eb="31">
      <t>モヨオ</t>
    </rPh>
    <rPh sb="32" eb="33">
      <t>モノ</t>
    </rPh>
    <rPh sb="34" eb="36">
      <t>キカク</t>
    </rPh>
    <rPh sb="38" eb="40">
      <t>ジッコウ</t>
    </rPh>
    <phoneticPr fontId="5"/>
  </si>
  <si>
    <t>京急弘明寺駅</t>
  </si>
  <si>
    <t>一般</t>
    <rPh sb="0" eb="2">
      <t>イッパン</t>
    </rPh>
    <phoneticPr fontId="5"/>
  </si>
  <si>
    <t>学校説明会</t>
  </si>
  <si>
    <t>中学生およびその保護者を対象に、横浜国際高等学校の特色を説明します。</t>
  </si>
  <si>
    <t>中学生とその保護者</t>
  </si>
  <si>
    <t>国際バカロレア（IB）コース体験授業</t>
    <rPh sb="0" eb="2">
      <t>コクサイ</t>
    </rPh>
    <rPh sb="14" eb="18">
      <t>タイケンジュギョウ</t>
    </rPh>
    <phoneticPr fontId="5"/>
  </si>
  <si>
    <t>国際バカロレアコースに興味のある中学生およびその保護者を対象に、国際バカロレアの教育・授業の体験をしていただきます。</t>
    <rPh sb="0" eb="2">
      <t>コクサイ</t>
    </rPh>
    <rPh sb="11" eb="13">
      <t>キョウミ</t>
    </rPh>
    <rPh sb="40" eb="42">
      <t>キョウイク</t>
    </rPh>
    <rPh sb="43" eb="45">
      <t>ジュギョウ</t>
    </rPh>
    <rPh sb="46" eb="48">
      <t>タイケン</t>
    </rPh>
    <phoneticPr fontId="5"/>
  </si>
  <si>
    <t>本校の教育について、中学３年生を中心に説明会を催します。</t>
    <rPh sb="0" eb="2">
      <t>ホンコウ</t>
    </rPh>
    <rPh sb="3" eb="5">
      <t>キョウイク</t>
    </rPh>
    <rPh sb="10" eb="12">
      <t>チュウガク</t>
    </rPh>
    <rPh sb="13" eb="15">
      <t>ネンセイ</t>
    </rPh>
    <rPh sb="16" eb="18">
      <t>チュウシン</t>
    </rPh>
    <rPh sb="19" eb="22">
      <t>セツメイカイ</t>
    </rPh>
    <rPh sb="23" eb="24">
      <t>モヨオ</t>
    </rPh>
    <phoneticPr fontId="5"/>
  </si>
  <si>
    <t>元石川高校</t>
    <rPh sb="0" eb="5">
      <t>モトイシカワコウコウ</t>
    </rPh>
    <phoneticPr fontId="5"/>
  </si>
  <si>
    <t>たまプラーザ駅もしくは
あざみ野駅よりバス</t>
    <rPh sb="6" eb="7">
      <t>エキ</t>
    </rPh>
    <rPh sb="15" eb="16">
      <t>ノ</t>
    </rPh>
    <rPh sb="16" eb="17">
      <t>エキ</t>
    </rPh>
    <phoneticPr fontId="5"/>
  </si>
  <si>
    <t>令和８年度入学予定者を中心に</t>
    <rPh sb="0" eb="2">
      <t>レイワ</t>
    </rPh>
    <rPh sb="3" eb="5">
      <t>ネンド</t>
    </rPh>
    <rPh sb="5" eb="10">
      <t>ニュウガクヨテイシャ</t>
    </rPh>
    <rPh sb="11" eb="13">
      <t>チュウシン</t>
    </rPh>
    <phoneticPr fontId="5"/>
  </si>
  <si>
    <t>要</t>
    <rPh sb="0" eb="1">
      <t>ヨウ</t>
    </rPh>
    <phoneticPr fontId="5"/>
  </si>
  <si>
    <t>https://www.pen-kanagawa.ed.jp/motoishikawa-h/nyugaku/index.html</t>
  </si>
  <si>
    <t>第3回学校説明会</t>
    <rPh sb="0" eb="1">
      <t>ダイ</t>
    </rPh>
    <rPh sb="2" eb="3">
      <t>カイ</t>
    </rPh>
    <rPh sb="3" eb="5">
      <t>ガッコウ</t>
    </rPh>
    <rPh sb="5" eb="8">
      <t>セツメイカイ</t>
    </rPh>
    <phoneticPr fontId="5"/>
  </si>
  <si>
    <t>MOS
(元石川ｵｰﾌﾟﾝｽｸｰﾙ)</t>
    <phoneticPr fontId="5"/>
  </si>
  <si>
    <t>本校の教育について、中学３年生を中心に近隣の方や保護者も含め授業参観と部活動見学を実施します。</t>
    <rPh sb="0" eb="2">
      <t>ホンコウ</t>
    </rPh>
    <rPh sb="3" eb="5">
      <t>キョウイク</t>
    </rPh>
    <rPh sb="10" eb="12">
      <t>チュウガク</t>
    </rPh>
    <rPh sb="13" eb="15">
      <t>ネンセイ</t>
    </rPh>
    <rPh sb="16" eb="18">
      <t>チュウシン</t>
    </rPh>
    <rPh sb="19" eb="21">
      <t>キンリン</t>
    </rPh>
    <rPh sb="22" eb="23">
      <t>カタ</t>
    </rPh>
    <rPh sb="24" eb="27">
      <t>ホゴシャ</t>
    </rPh>
    <rPh sb="28" eb="29">
      <t>フク</t>
    </rPh>
    <rPh sb="30" eb="34">
      <t>ジュギョウサンカン</t>
    </rPh>
    <rPh sb="35" eb="40">
      <t>ブカツドウケンガク</t>
    </rPh>
    <rPh sb="41" eb="43">
      <t>ジッシ</t>
    </rPh>
    <phoneticPr fontId="5"/>
  </si>
  <si>
    <t>令和８年度入学予定者を中心に近隣の方、保護者の方</t>
    <rPh sb="0" eb="2">
      <t>レイワ</t>
    </rPh>
    <rPh sb="3" eb="5">
      <t>ネンド</t>
    </rPh>
    <rPh sb="5" eb="10">
      <t>ニュウガクヨテイシャ</t>
    </rPh>
    <rPh sb="11" eb="13">
      <t>チュウシン</t>
    </rPh>
    <rPh sb="14" eb="16">
      <t>キンリン</t>
    </rPh>
    <rPh sb="17" eb="18">
      <t>カタ</t>
    </rPh>
    <rPh sb="19" eb="22">
      <t>ホゴシャ</t>
    </rPh>
    <rPh sb="23" eb="24">
      <t>カタ</t>
    </rPh>
    <phoneticPr fontId="5"/>
  </si>
  <si>
    <t>横浜市
戸塚区</t>
    <rPh sb="0" eb="3">
      <t>ヨコハマシ</t>
    </rPh>
    <phoneticPr fontId="5"/>
  </si>
  <si>
    <t>第１回学校説明会</t>
    <rPh sb="0" eb="1">
      <t>ダイ</t>
    </rPh>
    <rPh sb="2" eb="3">
      <t>カイ</t>
    </rPh>
    <rPh sb="3" eb="8">
      <t>ガッコウセツメイカイ</t>
    </rPh>
    <phoneticPr fontId="5"/>
  </si>
  <si>
    <t>中学生向けの学校説明会</t>
    <rPh sb="0" eb="4">
      <t>チュウガクセイム</t>
    </rPh>
    <rPh sb="6" eb="8">
      <t>ガッコウ</t>
    </rPh>
    <rPh sb="8" eb="11">
      <t>セツメイカイ</t>
    </rPh>
    <phoneticPr fontId="5"/>
  </si>
  <si>
    <t>戸塚駅、立て場駅よりバス「横浜桜陽高校前」下車徒歩３分</t>
    <rPh sb="0" eb="3">
      <t>トツカエキ</t>
    </rPh>
    <rPh sb="4" eb="5">
      <t>タ</t>
    </rPh>
    <rPh sb="6" eb="7">
      <t>バ</t>
    </rPh>
    <rPh sb="7" eb="8">
      <t>エキ</t>
    </rPh>
    <rPh sb="13" eb="20">
      <t>ヨコハマオウヨウコウコウマエ</t>
    </rPh>
    <rPh sb="21" eb="23">
      <t>ゲシャ</t>
    </rPh>
    <rPh sb="23" eb="25">
      <t>トホ</t>
    </rPh>
    <rPh sb="26" eb="27">
      <t>フン</t>
    </rPh>
    <phoneticPr fontId="5"/>
  </si>
  <si>
    <t>横浜桜陽高等学校</t>
    <rPh sb="0" eb="2">
      <t>ヨコハマ</t>
    </rPh>
    <rPh sb="2" eb="4">
      <t>オウヨウ</t>
    </rPh>
    <rPh sb="4" eb="6">
      <t>コウトウ</t>
    </rPh>
    <rPh sb="6" eb="8">
      <t>ガッコウ</t>
    </rPh>
    <phoneticPr fontId="5"/>
  </si>
  <si>
    <t>神奈川県内の中学３年生とその保護者</t>
    <rPh sb="0" eb="5">
      <t>カナガワケンナイ</t>
    </rPh>
    <rPh sb="6" eb="8">
      <t>チュウガク</t>
    </rPh>
    <rPh sb="9" eb="11">
      <t>ネンセイ</t>
    </rPh>
    <rPh sb="14" eb="17">
      <t>ホゴシャ</t>
    </rPh>
    <phoneticPr fontId="5"/>
  </si>
  <si>
    <t>横浜桜陽高等学校</t>
    <rPh sb="0" eb="8">
      <t>ヨコハマオウヨウコウトウガッコウ</t>
    </rPh>
    <phoneticPr fontId="5"/>
  </si>
  <si>
    <t>オープンウィーク</t>
  </si>
  <si>
    <t>地域住民、在校生の保護者、中学３年生とその保護者に向けて本校の教育活動を公開し、日常の学習活動の様子を見学してもらう。</t>
    <rPh sb="0" eb="4">
      <t>チイキジュウミン</t>
    </rPh>
    <rPh sb="5" eb="8">
      <t>ザイコウセイ</t>
    </rPh>
    <rPh sb="9" eb="12">
      <t>ホゴシャ</t>
    </rPh>
    <rPh sb="13" eb="15">
      <t>チュウガク</t>
    </rPh>
    <rPh sb="16" eb="18">
      <t>ネンセイ</t>
    </rPh>
    <rPh sb="21" eb="24">
      <t>ホゴシャ</t>
    </rPh>
    <rPh sb="25" eb="26">
      <t>ム</t>
    </rPh>
    <rPh sb="28" eb="30">
      <t>ホンコウ</t>
    </rPh>
    <rPh sb="31" eb="35">
      <t>キョウイクカツドウ</t>
    </rPh>
    <rPh sb="36" eb="38">
      <t>コウカイ</t>
    </rPh>
    <rPh sb="40" eb="42">
      <t>ニチジョウ</t>
    </rPh>
    <rPh sb="43" eb="47">
      <t>ガクシュウカツドウ</t>
    </rPh>
    <rPh sb="48" eb="50">
      <t>ヨウス</t>
    </rPh>
    <rPh sb="51" eb="53">
      <t>ケンガク</t>
    </rPh>
    <phoneticPr fontId="5"/>
  </si>
  <si>
    <t>戸塚駅、立て場駅よりバス「横浜桜陽高校前」下車徒歩3分</t>
    <rPh sb="0" eb="3">
      <t>トツカエキ</t>
    </rPh>
    <rPh sb="4" eb="5">
      <t>タ</t>
    </rPh>
    <rPh sb="6" eb="7">
      <t>バ</t>
    </rPh>
    <rPh sb="7" eb="8">
      <t>エキ</t>
    </rPh>
    <rPh sb="13" eb="20">
      <t>ヨコハマオウヨウコウコウマエ</t>
    </rPh>
    <rPh sb="21" eb="23">
      <t>ゲシャ</t>
    </rPh>
    <rPh sb="23" eb="25">
      <t>トホ</t>
    </rPh>
    <rPh sb="26" eb="27">
      <t>フン</t>
    </rPh>
    <phoneticPr fontId="5"/>
  </si>
  <si>
    <t>地域住民、在校生の保護者、神奈川県内の中学生とその保護者</t>
    <rPh sb="0" eb="4">
      <t>チイキジュウミン</t>
    </rPh>
    <rPh sb="5" eb="8">
      <t>ザイコウセイ</t>
    </rPh>
    <rPh sb="9" eb="12">
      <t>ホゴシャ</t>
    </rPh>
    <rPh sb="13" eb="16">
      <t>カナガワ</t>
    </rPh>
    <rPh sb="14" eb="16">
      <t>ナガワ</t>
    </rPh>
    <rPh sb="16" eb="18">
      <t>ケンナイ</t>
    </rPh>
    <rPh sb="19" eb="21">
      <t>チュウガク</t>
    </rPh>
    <rPh sb="25" eb="28">
      <t>ホゴシャ</t>
    </rPh>
    <phoneticPr fontId="5"/>
  </si>
  <si>
    <t>横浜市
栄区</t>
    <rPh sb="0" eb="3">
      <t>ヨコハマシ</t>
    </rPh>
    <phoneticPr fontId="7"/>
  </si>
  <si>
    <t>第１回学校説明会</t>
    <rPh sb="0" eb="1">
      <t>ダイ</t>
    </rPh>
    <rPh sb="2" eb="3">
      <t>カイ</t>
    </rPh>
    <rPh sb="3" eb="5">
      <t>ガッコウ</t>
    </rPh>
    <rPh sb="5" eb="8">
      <t>セツメイカイ</t>
    </rPh>
    <phoneticPr fontId="5"/>
  </si>
  <si>
    <t>本校への入学を希望する中学生とその保護者を対象に、本校が求める生徒像や、教育活動の現状、入学者選抜の予定などをお話しします。</t>
    <phoneticPr fontId="5"/>
  </si>
  <si>
    <t>柏陽高等学校</t>
    <rPh sb="0" eb="2">
      <t>ハクヨウ</t>
    </rPh>
    <rPh sb="2" eb="6">
      <t>コウトウガッコウ</t>
    </rPh>
    <phoneticPr fontId="7"/>
  </si>
  <si>
    <t>本郷台駅</t>
    <rPh sb="0" eb="3">
      <t>ホンゴウダイ</t>
    </rPh>
    <rPh sb="3" eb="4">
      <t>エキ</t>
    </rPh>
    <phoneticPr fontId="5"/>
  </si>
  <si>
    <t>柏陽高等学校
研究・広報グループ</t>
    <rPh sb="0" eb="2">
      <t>ハクヨウ</t>
    </rPh>
    <rPh sb="2" eb="6">
      <t>コウトウガッコウ</t>
    </rPh>
    <rPh sb="7" eb="9">
      <t>ケンキュウ</t>
    </rPh>
    <rPh sb="10" eb="12">
      <t>コウホウ</t>
    </rPh>
    <phoneticPr fontId="5"/>
  </si>
  <si>
    <t>中学３年生とその保護者</t>
    <rPh sb="0" eb="2">
      <t>チュウガク</t>
    </rPh>
    <rPh sb="3" eb="5">
      <t>ネンセイ</t>
    </rPh>
    <rPh sb="8" eb="11">
      <t>ホゴシャ</t>
    </rPh>
    <phoneticPr fontId="7"/>
  </si>
  <si>
    <t>https://www.pen-kanagawa.ed.jp/hakuyo-h/nyugaku/briefing2022.html</t>
    <phoneticPr fontId="5"/>
  </si>
  <si>
    <t>川崎市
川崎区</t>
    <rPh sb="0" eb="3">
      <t>カワサキシ</t>
    </rPh>
    <rPh sb="4" eb="6">
      <t>カワサキ</t>
    </rPh>
    <phoneticPr fontId="5"/>
  </si>
  <si>
    <t>本校への入学を考えている中学生とその保護者の方を対象に本校の特色や教育内容等について説明します。</t>
    <rPh sb="0" eb="2">
      <t>ホンコウ</t>
    </rPh>
    <rPh sb="4" eb="6">
      <t>ニュウガク</t>
    </rPh>
    <rPh sb="7" eb="8">
      <t>カンガ</t>
    </rPh>
    <rPh sb="12" eb="15">
      <t>チュウガクセイ</t>
    </rPh>
    <rPh sb="18" eb="21">
      <t>ホゴシャ</t>
    </rPh>
    <rPh sb="22" eb="23">
      <t>カタ</t>
    </rPh>
    <rPh sb="24" eb="26">
      <t>タイショウ</t>
    </rPh>
    <rPh sb="27" eb="29">
      <t>ホンコウ</t>
    </rPh>
    <rPh sb="30" eb="32">
      <t>トクショク</t>
    </rPh>
    <rPh sb="33" eb="35">
      <t>キョウイク</t>
    </rPh>
    <rPh sb="35" eb="37">
      <t>ナイヨウ</t>
    </rPh>
    <rPh sb="37" eb="38">
      <t>トウ</t>
    </rPh>
    <rPh sb="42" eb="44">
      <t>セツメイ</t>
    </rPh>
    <phoneticPr fontId="5"/>
  </si>
  <si>
    <t>大師高等学校</t>
    <rPh sb="0" eb="2">
      <t>ダイシ</t>
    </rPh>
    <rPh sb="2" eb="4">
      <t>コウトウ</t>
    </rPh>
    <rPh sb="4" eb="6">
      <t>ガッコウ</t>
    </rPh>
    <phoneticPr fontId="5"/>
  </si>
  <si>
    <t>川崎駅より臨港バス「大師高校前」下車</t>
    <rPh sb="0" eb="3">
      <t>カワサキエキ</t>
    </rPh>
    <rPh sb="5" eb="7">
      <t>リンコウ</t>
    </rPh>
    <rPh sb="10" eb="12">
      <t>ダイシ</t>
    </rPh>
    <rPh sb="12" eb="14">
      <t>コウコウ</t>
    </rPh>
    <rPh sb="14" eb="15">
      <t>マエ</t>
    </rPh>
    <rPh sb="16" eb="18">
      <t>ゲシャ</t>
    </rPh>
    <phoneticPr fontId="5"/>
  </si>
  <si>
    <t>本校に関心のある中学生および保護者</t>
    <rPh sb="0" eb="2">
      <t>ホンコウ</t>
    </rPh>
    <rPh sb="3" eb="5">
      <t>カンシン</t>
    </rPh>
    <rPh sb="8" eb="11">
      <t>チュウガクセイ</t>
    </rPh>
    <rPh sb="14" eb="17">
      <t>ホゴシャ</t>
    </rPh>
    <phoneticPr fontId="5"/>
  </si>
  <si>
    <t>大師高等学校研究・広報グループ</t>
    <rPh sb="0" eb="2">
      <t>ダイシ</t>
    </rPh>
    <rPh sb="2" eb="4">
      <t>コウトウ</t>
    </rPh>
    <rPh sb="4" eb="6">
      <t>ガッコウ</t>
    </rPh>
    <rPh sb="6" eb="8">
      <t>ケンキュウ</t>
    </rPh>
    <rPh sb="9" eb="11">
      <t>コウホウ</t>
    </rPh>
    <phoneticPr fontId="5"/>
  </si>
  <si>
    <t>午前中は、本校の教育課程、コース説明、学校見学、部活動見学などを第一部と第二部の２回実施します。午後は、高校体験プログラム（機械系・電気系・環境化学系）を実施します。</t>
    <rPh sb="0" eb="3">
      <t>ゴゼンチュウ</t>
    </rPh>
    <rPh sb="5" eb="7">
      <t>ホンコウ</t>
    </rPh>
    <rPh sb="8" eb="12">
      <t>キョウイクカテイ</t>
    </rPh>
    <rPh sb="16" eb="18">
      <t>セツメイ</t>
    </rPh>
    <rPh sb="19" eb="23">
      <t>ガッコウケンガク</t>
    </rPh>
    <rPh sb="24" eb="29">
      <t>ブカツドウケンガク</t>
    </rPh>
    <rPh sb="32" eb="33">
      <t>ダイ</t>
    </rPh>
    <rPh sb="33" eb="35">
      <t>イチブ</t>
    </rPh>
    <rPh sb="36" eb="37">
      <t>ダイ</t>
    </rPh>
    <rPh sb="37" eb="39">
      <t>ニブ</t>
    </rPh>
    <rPh sb="41" eb="42">
      <t>カイ</t>
    </rPh>
    <rPh sb="42" eb="44">
      <t>ジッシ</t>
    </rPh>
    <rPh sb="48" eb="50">
      <t>ゴゴ</t>
    </rPh>
    <rPh sb="52" eb="56">
      <t>コウコウタイケン</t>
    </rPh>
    <rPh sb="62" eb="65">
      <t>キカイケイ</t>
    </rPh>
    <rPh sb="66" eb="69">
      <t>デンキケイ</t>
    </rPh>
    <rPh sb="70" eb="75">
      <t>カンキョウカガクケイ</t>
    </rPh>
    <rPh sb="77" eb="79">
      <t>ジッシ</t>
    </rPh>
    <phoneticPr fontId="5"/>
  </si>
  <si>
    <t>平間駅</t>
    <rPh sb="0" eb="3">
      <t>ヒラマエキ</t>
    </rPh>
    <phoneticPr fontId="5"/>
  </si>
  <si>
    <t>中学生、その保護者</t>
    <rPh sb="0" eb="3">
      <t>チュウガクセイ</t>
    </rPh>
    <rPh sb="6" eb="9">
      <t>ホゴシャ</t>
    </rPh>
    <phoneticPr fontId="5"/>
  </si>
  <si>
    <t>https://www.pen-kanagawa.ed.jp/kawasakikoka-th/index.html</t>
    <phoneticPr fontId="5"/>
  </si>
  <si>
    <t>第３回学校説明会</t>
    <rPh sb="0" eb="1">
      <t>ダイ</t>
    </rPh>
    <rPh sb="2" eb="3">
      <t>カイ</t>
    </rPh>
    <rPh sb="3" eb="5">
      <t>ガッコウ</t>
    </rPh>
    <rPh sb="5" eb="8">
      <t>セツメイカイ</t>
    </rPh>
    <phoneticPr fontId="5"/>
  </si>
  <si>
    <t>午前中は、授業公開、午後は、学校説明会、学校見学、部活動見学を実施します。当日は、本校生が普段の実習や授業を受けている様子を見学できます。</t>
    <rPh sb="0" eb="3">
      <t>ゴゼンチュウ</t>
    </rPh>
    <rPh sb="5" eb="9">
      <t>ジュギョウコウカイ</t>
    </rPh>
    <rPh sb="10" eb="12">
      <t>ゴゴ</t>
    </rPh>
    <rPh sb="14" eb="19">
      <t>ガッコウセツメイカイ</t>
    </rPh>
    <rPh sb="20" eb="22">
      <t>ガッコウ</t>
    </rPh>
    <rPh sb="22" eb="24">
      <t>ケンガク</t>
    </rPh>
    <rPh sb="25" eb="28">
      <t>ブカツドウ</t>
    </rPh>
    <rPh sb="28" eb="30">
      <t>ケンガク</t>
    </rPh>
    <rPh sb="31" eb="33">
      <t>ジッシ</t>
    </rPh>
    <rPh sb="37" eb="39">
      <t>トウジツ</t>
    </rPh>
    <rPh sb="41" eb="43">
      <t>ホンコウ</t>
    </rPh>
    <rPh sb="43" eb="44">
      <t>セイ</t>
    </rPh>
    <rPh sb="45" eb="47">
      <t>フダン</t>
    </rPh>
    <rPh sb="48" eb="50">
      <t>ジッシュウ</t>
    </rPh>
    <rPh sb="51" eb="53">
      <t>ジュギョウ</t>
    </rPh>
    <rPh sb="54" eb="55">
      <t>ウ</t>
    </rPh>
    <rPh sb="59" eb="61">
      <t>ヨウス</t>
    </rPh>
    <rPh sb="62" eb="64">
      <t>ケンガク</t>
    </rPh>
    <phoneticPr fontId="5"/>
  </si>
  <si>
    <t>川崎市
多摩区</t>
    <rPh sb="0" eb="3">
      <t>カワサキシ</t>
    </rPh>
    <rPh sb="4" eb="7">
      <t>タマク</t>
    </rPh>
    <phoneticPr fontId="5"/>
  </si>
  <si>
    <t>菅高等学校学校説明会</t>
    <rPh sb="0" eb="1">
      <t>スゲ</t>
    </rPh>
    <rPh sb="1" eb="3">
      <t>コウトウ</t>
    </rPh>
    <rPh sb="3" eb="5">
      <t>ガッコウ</t>
    </rPh>
    <rPh sb="5" eb="7">
      <t>ガッコウ</t>
    </rPh>
    <rPh sb="7" eb="10">
      <t>セツメイカイ</t>
    </rPh>
    <phoneticPr fontId="5"/>
  </si>
  <si>
    <t>本校に進学意識のある生徒およびその保護者へ向けた、学校の教育活動・カリキュラム・進路・学校行事や部活動などの紹介、説明を行います。</t>
    <phoneticPr fontId="5"/>
  </si>
  <si>
    <t>菅高等学校</t>
    <rPh sb="0" eb="1">
      <t>スゲ</t>
    </rPh>
    <phoneticPr fontId="5"/>
  </si>
  <si>
    <t>最寄駅
読売ランド前駅
稲田堤駅
京王稲田堤駅</t>
    <rPh sb="0" eb="2">
      <t>モヨ</t>
    </rPh>
    <rPh sb="2" eb="3">
      <t>エキ</t>
    </rPh>
    <rPh sb="4" eb="6">
      <t>ヨミウリ</t>
    </rPh>
    <rPh sb="9" eb="10">
      <t>マエ</t>
    </rPh>
    <rPh sb="10" eb="11">
      <t>エキ</t>
    </rPh>
    <rPh sb="12" eb="14">
      <t>イナダ</t>
    </rPh>
    <rPh sb="14" eb="15">
      <t>ツツミ</t>
    </rPh>
    <rPh sb="15" eb="16">
      <t>エキ</t>
    </rPh>
    <rPh sb="17" eb="19">
      <t>ケイオウ</t>
    </rPh>
    <rPh sb="19" eb="21">
      <t>イナダ</t>
    </rPh>
    <rPh sb="21" eb="22">
      <t>ツツミ</t>
    </rPh>
    <rPh sb="22" eb="23">
      <t>エキ</t>
    </rPh>
    <phoneticPr fontId="5"/>
  </si>
  <si>
    <t xml:space="preserve">
本校に関心のある中学生及びその保護者</t>
    <rPh sb="1" eb="3">
      <t>ホンコウ</t>
    </rPh>
    <rPh sb="4" eb="6">
      <t>カンシン</t>
    </rPh>
    <rPh sb="9" eb="12">
      <t>チュウガクセイ</t>
    </rPh>
    <rPh sb="12" eb="13">
      <t>オヨ</t>
    </rPh>
    <rPh sb="16" eb="19">
      <t>ホゴシャ</t>
    </rPh>
    <phoneticPr fontId="5"/>
  </si>
  <si>
    <t>菅高等学校研究開発Ｇ</t>
    <rPh sb="0" eb="1">
      <t>スゲ</t>
    </rPh>
    <rPh sb="1" eb="3">
      <t>コウトウ</t>
    </rPh>
    <rPh sb="3" eb="5">
      <t>ガッコウ</t>
    </rPh>
    <rPh sb="5" eb="7">
      <t>ケンキュウ</t>
    </rPh>
    <rPh sb="7" eb="9">
      <t>カイハツ</t>
    </rPh>
    <phoneticPr fontId="5"/>
  </si>
  <si>
    <t>http://www.pen-kanagawa.ed.jp/sugei-h/</t>
    <phoneticPr fontId="5"/>
  </si>
  <si>
    <t>令和８年度入学者選抜に向けて、中学生およびその保護者が、本校の教育方針や活動、入学者選抜に関する情報を知る機会とする。</t>
    <phoneticPr fontId="5"/>
  </si>
  <si>
    <t>2025/10/25</t>
    <phoneticPr fontId="5"/>
  </si>
  <si>
    <t>追浜高等学校</t>
    <rPh sb="0" eb="2">
      <t>オッパマ</t>
    </rPh>
    <phoneticPr fontId="5"/>
  </si>
  <si>
    <t>京浜急行線
追浜駅</t>
    <rPh sb="4" eb="5">
      <t>セン</t>
    </rPh>
    <rPh sb="6" eb="8">
      <t>オッパマ</t>
    </rPh>
    <phoneticPr fontId="5"/>
  </si>
  <si>
    <t>本校への入学に興味のある中学生及びその保護者</t>
    <phoneticPr fontId="5"/>
  </si>
  <si>
    <t>追浜高等学校
地域連携グループ</t>
    <rPh sb="0" eb="2">
      <t>オッパマ</t>
    </rPh>
    <rPh sb="7" eb="9">
      <t>チイキ</t>
    </rPh>
    <rPh sb="9" eb="11">
      <t>レンケイ</t>
    </rPh>
    <phoneticPr fontId="5"/>
  </si>
  <si>
    <t>https://www.pen-kanagawa.ed.jp/oppama-h/</t>
    <phoneticPr fontId="5"/>
  </si>
  <si>
    <t>平塚市</t>
  </si>
  <si>
    <t>本校への入学を考える中学３年生とその保護者を対象とした説明と学校見学を行います。</t>
    <rPh sb="0" eb="2">
      <t>ホンコウ</t>
    </rPh>
    <rPh sb="4" eb="6">
      <t>ニュウガク</t>
    </rPh>
    <rPh sb="7" eb="8">
      <t>カンガ</t>
    </rPh>
    <rPh sb="10" eb="12">
      <t>チュウガク</t>
    </rPh>
    <rPh sb="13" eb="15">
      <t>ネンセイ</t>
    </rPh>
    <rPh sb="18" eb="21">
      <t>ホゴシャ</t>
    </rPh>
    <rPh sb="22" eb="24">
      <t>タイショウ</t>
    </rPh>
    <rPh sb="27" eb="29">
      <t>セツメイ</t>
    </rPh>
    <rPh sb="30" eb="32">
      <t>ガッコウ</t>
    </rPh>
    <rPh sb="32" eb="34">
      <t>ケンガク</t>
    </rPh>
    <rPh sb="35" eb="36">
      <t>オコナ</t>
    </rPh>
    <phoneticPr fontId="5"/>
  </si>
  <si>
    <t>平塚駅</t>
    <rPh sb="0" eb="2">
      <t>ヒラツカ</t>
    </rPh>
    <rPh sb="2" eb="3">
      <t>エキ</t>
    </rPh>
    <phoneticPr fontId="5"/>
  </si>
  <si>
    <t>https://www.pen-kanagawa.ed.jp/takahama-h/teiji/index.html</t>
    <phoneticPr fontId="5"/>
  </si>
  <si>
    <t>紅葉祭（文化祭）</t>
    <rPh sb="0" eb="2">
      <t>コウヨウ</t>
    </rPh>
    <rPh sb="2" eb="3">
      <t>サイ</t>
    </rPh>
    <rPh sb="4" eb="7">
      <t>ブンカサイ</t>
    </rPh>
    <phoneticPr fontId="5"/>
  </si>
  <si>
    <t>生徒の日ごろの教育活動の成果を発表します。</t>
    <rPh sb="0" eb="2">
      <t>セイト</t>
    </rPh>
    <rPh sb="3" eb="4">
      <t>ヒ</t>
    </rPh>
    <rPh sb="7" eb="9">
      <t>キョウイク</t>
    </rPh>
    <rPh sb="9" eb="11">
      <t>カツドウ</t>
    </rPh>
    <rPh sb="12" eb="14">
      <t>セイカ</t>
    </rPh>
    <rPh sb="15" eb="17">
      <t>ハッピョウ</t>
    </rPh>
    <phoneticPr fontId="5"/>
  </si>
  <si>
    <t>一般県民の方</t>
    <rPh sb="0" eb="2">
      <t>イッパン</t>
    </rPh>
    <rPh sb="2" eb="4">
      <t>ケンミン</t>
    </rPh>
    <rPh sb="5" eb="6">
      <t>カタ</t>
    </rPh>
    <phoneticPr fontId="5"/>
  </si>
  <si>
    <t>第一回学校説明会</t>
    <rPh sb="0" eb="3">
      <t>ダイイッカイ</t>
    </rPh>
    <rPh sb="3" eb="8">
      <t>ガッコウセツメイカイ</t>
    </rPh>
    <phoneticPr fontId="5"/>
  </si>
  <si>
    <t>本校への進学希望のある生徒、及びその保護者に本校の教育方針、特色などを理解してもらいます。</t>
    <rPh sb="0" eb="2">
      <t>ホンコウ</t>
    </rPh>
    <rPh sb="4" eb="6">
      <t>シンガク</t>
    </rPh>
    <rPh sb="6" eb="8">
      <t>キボウ</t>
    </rPh>
    <rPh sb="11" eb="13">
      <t>セイト</t>
    </rPh>
    <rPh sb="14" eb="15">
      <t>オヨ</t>
    </rPh>
    <rPh sb="18" eb="21">
      <t>ホゴシャ</t>
    </rPh>
    <rPh sb="22" eb="24">
      <t>ホンコウ</t>
    </rPh>
    <rPh sb="25" eb="27">
      <t>キョウイク</t>
    </rPh>
    <rPh sb="27" eb="29">
      <t>ホウシン</t>
    </rPh>
    <rPh sb="30" eb="32">
      <t>トクショク</t>
    </rPh>
    <rPh sb="35" eb="37">
      <t>リカイ</t>
    </rPh>
    <phoneticPr fontId="5"/>
  </si>
  <si>
    <t>藤沢本町駅</t>
    <rPh sb="0" eb="4">
      <t>フジサワホンマチ</t>
    </rPh>
    <rPh sb="4" eb="5">
      <t>エキ</t>
    </rPh>
    <phoneticPr fontId="5"/>
  </si>
  <si>
    <t>　特になし</t>
    <rPh sb="1" eb="2">
      <t>トク</t>
    </rPh>
    <phoneticPr fontId="5"/>
  </si>
  <si>
    <t>茅ヶ崎市</t>
  </si>
  <si>
    <t>学校見学会・部活動見学会</t>
    <phoneticPr fontId="5"/>
  </si>
  <si>
    <t>学校見学会では、茅ケ崎高校をツアー形式で生徒たちが中心となって案内します。希望者には教員による個別相談を行います。また、同一日に部活動見学会を開催しています。</t>
    <phoneticPr fontId="5"/>
  </si>
  <si>
    <t>茅ケ崎高等学校</t>
    <phoneticPr fontId="5"/>
  </si>
  <si>
    <t>茅ヶ崎高校前バス停</t>
    <phoneticPr fontId="5"/>
  </si>
  <si>
    <t>茅ケ崎高校への入学を検討している中学３年生とその保護者</t>
    <phoneticPr fontId="5"/>
  </si>
  <si>
    <t>https://www.pen-kanagawa.ed.jp/chigasaki-h/zennichi/index.html</t>
    <phoneticPr fontId="5"/>
  </si>
  <si>
    <t>相模原市
緑区</t>
  </si>
  <si>
    <t>体験型学校説明会</t>
    <rPh sb="0" eb="3">
      <t>タイケンガタ</t>
    </rPh>
    <rPh sb="3" eb="8">
      <t>ガッコウセツメイカイ</t>
    </rPh>
    <rPh sb="5" eb="8">
      <t>セツメイカイ</t>
    </rPh>
    <phoneticPr fontId="5"/>
  </si>
  <si>
    <t>中学生とその保護者を対象に本校の概要、進路指導、学校生活等について紹介します。説明会後、部活動体験も行います。</t>
    <rPh sb="39" eb="42">
      <t>セツメイカイ</t>
    </rPh>
    <rPh sb="42" eb="43">
      <t>ゴ</t>
    </rPh>
    <rPh sb="44" eb="47">
      <t>ブカツドウ</t>
    </rPh>
    <rPh sb="47" eb="49">
      <t>タイケン</t>
    </rPh>
    <rPh sb="50" eb="51">
      <t>オコナ</t>
    </rPh>
    <phoneticPr fontId="5"/>
  </si>
  <si>
    <t>相原高等学校</t>
    <rPh sb="0" eb="6">
      <t>アイハラコウトウガッコウ</t>
    </rPh>
    <phoneticPr fontId="5"/>
  </si>
  <si>
    <t>橋本駅</t>
    <rPh sb="0" eb="3">
      <t>ハシモトエキ</t>
    </rPh>
    <phoneticPr fontId="5"/>
  </si>
  <si>
    <t>農業教育・商業教育に関心のある中学生及びその保護者</t>
    <rPh sb="0" eb="2">
      <t>ノウギョウ</t>
    </rPh>
    <rPh sb="2" eb="4">
      <t>キョウイク</t>
    </rPh>
    <rPh sb="5" eb="7">
      <t>ショウギョウ</t>
    </rPh>
    <rPh sb="7" eb="9">
      <t>キョウイク</t>
    </rPh>
    <phoneticPr fontId="5"/>
  </si>
  <si>
    <t>相原高等学校　専門教育広報グループ</t>
    <rPh sb="0" eb="6">
      <t>アイハラコウトウガッコウ</t>
    </rPh>
    <rPh sb="7" eb="13">
      <t>センモンキョウイクコウホウ</t>
    </rPh>
    <phoneticPr fontId="5"/>
  </si>
  <si>
    <t>第２回体験入学</t>
    <rPh sb="0" eb="1">
      <t>ダイ</t>
    </rPh>
    <rPh sb="2" eb="3">
      <t>カイ</t>
    </rPh>
    <rPh sb="3" eb="5">
      <t>タイケン</t>
    </rPh>
    <rPh sb="5" eb="7">
      <t>ニュウガク</t>
    </rPh>
    <phoneticPr fontId="5"/>
  </si>
  <si>
    <t>多くの中学生に早い時期から農業高校・商業高校での学びについて、広く興味・関心を持たせることを目的とした体験教室です。</t>
    <rPh sb="13" eb="15">
      <t>ノウギョウ</t>
    </rPh>
    <rPh sb="18" eb="20">
      <t>ショウギョウ</t>
    </rPh>
    <rPh sb="20" eb="22">
      <t>コウコウ</t>
    </rPh>
    <phoneticPr fontId="5"/>
  </si>
  <si>
    <t>相陵祭</t>
    <rPh sb="0" eb="1">
      <t>ソウ</t>
    </rPh>
    <rPh sb="1" eb="2">
      <t>リョウ</t>
    </rPh>
    <rPh sb="2" eb="3">
      <t>サイ</t>
    </rPh>
    <phoneticPr fontId="2"/>
  </si>
  <si>
    <t>本校の文化祭です。クラス、部活動、委員会、農業科、商業科等が日頃の活動の成果を発表します。</t>
    <rPh sb="0" eb="2">
      <t>ホンコウ</t>
    </rPh>
    <rPh sb="3" eb="6">
      <t>ブンカサイ</t>
    </rPh>
    <rPh sb="13" eb="14">
      <t>ブ</t>
    </rPh>
    <rPh sb="14" eb="16">
      <t>カツドウ</t>
    </rPh>
    <rPh sb="17" eb="20">
      <t>イインカイ</t>
    </rPh>
    <rPh sb="21" eb="23">
      <t>ノウギョウ</t>
    </rPh>
    <rPh sb="23" eb="24">
      <t>カ</t>
    </rPh>
    <rPh sb="25" eb="28">
      <t>ショウギョウカ</t>
    </rPh>
    <rPh sb="28" eb="29">
      <t>トウ</t>
    </rPh>
    <rPh sb="30" eb="32">
      <t>ヒゴロ</t>
    </rPh>
    <rPh sb="33" eb="35">
      <t>カツドウ</t>
    </rPh>
    <rPh sb="36" eb="38">
      <t>セイカ</t>
    </rPh>
    <rPh sb="39" eb="41">
      <t>ハッピョウ</t>
    </rPh>
    <phoneticPr fontId="2"/>
  </si>
  <si>
    <t>相原高等学校に関心のある人</t>
    <rPh sb="0" eb="2">
      <t>アイハラ</t>
    </rPh>
    <rPh sb="2" eb="4">
      <t>コウトウ</t>
    </rPh>
    <rPh sb="4" eb="6">
      <t>ガッコウ</t>
    </rPh>
    <rPh sb="7" eb="9">
      <t>カンシン</t>
    </rPh>
    <rPh sb="12" eb="13">
      <t>ヒト</t>
    </rPh>
    <phoneticPr fontId="2"/>
  </si>
  <si>
    <t>相原高等学校　活動支援グループ</t>
    <rPh sb="0" eb="6">
      <t>アイハラコウトウガッコウ</t>
    </rPh>
    <rPh sb="7" eb="9">
      <t>カツドウ</t>
    </rPh>
    <rPh sb="9" eb="11">
      <t>シエン</t>
    </rPh>
    <phoneticPr fontId="5"/>
  </si>
  <si>
    <t>相原夢工房</t>
    <rPh sb="0" eb="2">
      <t>アイハラ</t>
    </rPh>
    <rPh sb="2" eb="5">
      <t>ユメコウボウ</t>
    </rPh>
    <phoneticPr fontId="5"/>
  </si>
  <si>
    <t>総合ビジネス科課題研究の一環として行う販売実習です。</t>
    <rPh sb="17" eb="18">
      <t>オコナ</t>
    </rPh>
    <phoneticPr fontId="5"/>
  </si>
  <si>
    <t>相原高等学校
ミウィ橋本</t>
    <rPh sb="0" eb="6">
      <t>アイハラコウトウガッコウ</t>
    </rPh>
    <rPh sb="10" eb="12">
      <t>ハシモト</t>
    </rPh>
    <phoneticPr fontId="5"/>
  </si>
  <si>
    <t>相原高等学校　商業科</t>
    <rPh sb="0" eb="2">
      <t>アイハラ</t>
    </rPh>
    <rPh sb="2" eb="4">
      <t>コウトウ</t>
    </rPh>
    <rPh sb="4" eb="6">
      <t>ガッコウ</t>
    </rPh>
    <rPh sb="7" eb="10">
      <t>ショウギョウカ</t>
    </rPh>
    <phoneticPr fontId="5"/>
  </si>
  <si>
    <t>産業教育フェア</t>
    <rPh sb="0" eb="2">
      <t>サンギョウ</t>
    </rPh>
    <rPh sb="2" eb="4">
      <t>キョウイク</t>
    </rPh>
    <phoneticPr fontId="5"/>
  </si>
  <si>
    <t>神奈川工業高等学校</t>
    <rPh sb="0" eb="3">
      <t>カナガワ</t>
    </rPh>
    <rPh sb="3" eb="5">
      <t>コウギョウ</t>
    </rPh>
    <rPh sb="5" eb="7">
      <t>コウトウ</t>
    </rPh>
    <rPh sb="7" eb="9">
      <t>ガッコウ</t>
    </rPh>
    <phoneticPr fontId="5"/>
  </si>
  <si>
    <t>神奈川県産業教育フェア実行委員会</t>
    <rPh sb="0" eb="4">
      <t>カナガワケン</t>
    </rPh>
    <rPh sb="4" eb="8">
      <t>サンギョウキョウイク</t>
    </rPh>
    <rPh sb="11" eb="13">
      <t>ジッコウ</t>
    </rPh>
    <rPh sb="13" eb="16">
      <t>イインカイ</t>
    </rPh>
    <phoneticPr fontId="5"/>
  </si>
  <si>
    <t>本校の教育活動の紹介、校内施設や部活動の見学等をとおして、本校の魅力を中学生及び保護者に知ってもらう機会となっています。</t>
    <rPh sb="0" eb="2">
      <t>ホンコウ</t>
    </rPh>
    <rPh sb="3" eb="5">
      <t>キョウイク</t>
    </rPh>
    <rPh sb="5" eb="7">
      <t>カツドウ</t>
    </rPh>
    <rPh sb="8" eb="10">
      <t>ショウカイ</t>
    </rPh>
    <rPh sb="11" eb="13">
      <t>コウナイ</t>
    </rPh>
    <rPh sb="13" eb="15">
      <t>シセツ</t>
    </rPh>
    <rPh sb="16" eb="19">
      <t>ブカツドウ</t>
    </rPh>
    <rPh sb="20" eb="22">
      <t>ケンガク</t>
    </rPh>
    <rPh sb="22" eb="23">
      <t>トウ</t>
    </rPh>
    <rPh sb="29" eb="31">
      <t>ホンコウ</t>
    </rPh>
    <rPh sb="32" eb="34">
      <t>ミリョク</t>
    </rPh>
    <rPh sb="35" eb="38">
      <t>チュウガクセイ</t>
    </rPh>
    <rPh sb="38" eb="39">
      <t>オヨ</t>
    </rPh>
    <rPh sb="40" eb="43">
      <t>ホゴシャ</t>
    </rPh>
    <rPh sb="44" eb="45">
      <t>シ</t>
    </rPh>
    <rPh sb="50" eb="52">
      <t>キカイ</t>
    </rPh>
    <phoneticPr fontId="5"/>
  </si>
  <si>
    <t>相模原高等学校</t>
    <rPh sb="0" eb="3">
      <t>サガミハラ</t>
    </rPh>
    <rPh sb="3" eb="5">
      <t>コウトウ</t>
    </rPh>
    <rPh sb="5" eb="7">
      <t>ガッコウ</t>
    </rPh>
    <phoneticPr fontId="5"/>
  </si>
  <si>
    <t>相模原駅または上溝駅より神奈中バス「横山団地」バス停</t>
    <rPh sb="0" eb="4">
      <t>サガミハラエキ</t>
    </rPh>
    <rPh sb="7" eb="10">
      <t>カミミゾエキ</t>
    </rPh>
    <rPh sb="12" eb="15">
      <t>カナチュウ</t>
    </rPh>
    <rPh sb="18" eb="20">
      <t>ヨコヤマ</t>
    </rPh>
    <rPh sb="20" eb="22">
      <t>ダンチ</t>
    </rPh>
    <rPh sb="25" eb="26">
      <t>テイ</t>
    </rPh>
    <phoneticPr fontId="5"/>
  </si>
  <si>
    <t>本校への入学に関心のある中学生及び保護者等</t>
    <rPh sb="0" eb="2">
      <t>ホンコウ</t>
    </rPh>
    <rPh sb="4" eb="6">
      <t>ニュウガク</t>
    </rPh>
    <rPh sb="7" eb="9">
      <t>カンシン</t>
    </rPh>
    <rPh sb="12" eb="15">
      <t>チュウガクセイ</t>
    </rPh>
    <rPh sb="15" eb="16">
      <t>オヨ</t>
    </rPh>
    <rPh sb="17" eb="20">
      <t>ホゴシャ</t>
    </rPh>
    <rPh sb="20" eb="21">
      <t>トウ</t>
    </rPh>
    <phoneticPr fontId="5"/>
  </si>
  <si>
    <t>https://www.pen-kanagawa.ed.jp/sagamihara-h/</t>
    <phoneticPr fontId="5"/>
  </si>
  <si>
    <t>第１回　1日体験入学</t>
    <rPh sb="0" eb="1">
      <t>ダイ</t>
    </rPh>
    <rPh sb="2" eb="3">
      <t>カイ</t>
    </rPh>
    <rPh sb="5" eb="6">
      <t>ニチ</t>
    </rPh>
    <rPh sb="6" eb="10">
      <t>タイケンニュウガク</t>
    </rPh>
    <phoneticPr fontId="5"/>
  </si>
  <si>
    <t>中学生に吉田島高校の授業の一部を実体験してもらい、本校への理解を深めていきます。</t>
    <rPh sb="0" eb="3">
      <t>チュウガクセイ</t>
    </rPh>
    <rPh sb="4" eb="9">
      <t>ヨシダジマコウコウ</t>
    </rPh>
    <rPh sb="10" eb="12">
      <t>ジュギョウ</t>
    </rPh>
    <rPh sb="13" eb="15">
      <t>イチブ</t>
    </rPh>
    <rPh sb="16" eb="19">
      <t>ジッタイケン</t>
    </rPh>
    <rPh sb="25" eb="27">
      <t>ホンコウ</t>
    </rPh>
    <rPh sb="29" eb="31">
      <t>リカイ</t>
    </rPh>
    <rPh sb="32" eb="33">
      <t>フカ</t>
    </rPh>
    <phoneticPr fontId="5"/>
  </si>
  <si>
    <t>開成駅または新松田駅</t>
    <rPh sb="0" eb="3">
      <t>カイセイエキ</t>
    </rPh>
    <rPh sb="6" eb="10">
      <t>シンマツダエキ</t>
    </rPh>
    <phoneticPr fontId="5"/>
  </si>
  <si>
    <t>中学３年生およびその保護者</t>
    <rPh sb="0" eb="2">
      <t>チュウガク</t>
    </rPh>
    <rPh sb="3" eb="5">
      <t>ネンセイ</t>
    </rPh>
    <rPh sb="10" eb="13">
      <t>ホゴシャ</t>
    </rPh>
    <phoneticPr fontId="5"/>
  </si>
  <si>
    <t>吉田島高校
広報情報グループ</t>
    <rPh sb="0" eb="5">
      <t>ヨシダジマコウコウ</t>
    </rPh>
    <rPh sb="6" eb="8">
      <t>コウホウ</t>
    </rPh>
    <rPh sb="8" eb="10">
      <t>ジョウホウ</t>
    </rPh>
    <phoneticPr fontId="5"/>
  </si>
  <si>
    <t>https://www.pen-kanagawa.ed.jp/yoshidajima-h/</t>
  </si>
  <si>
    <t>第２回　１日体験入学</t>
    <rPh sb="0" eb="1">
      <t>ダイ</t>
    </rPh>
    <rPh sb="2" eb="3">
      <t>カイ</t>
    </rPh>
    <rPh sb="5" eb="6">
      <t>ニチ</t>
    </rPh>
    <rPh sb="6" eb="10">
      <t>タイケンニュウガク</t>
    </rPh>
    <phoneticPr fontId="5"/>
  </si>
  <si>
    <t>吉田島高校の日ごろの教育活動の成果の１つとして文化祭を開催します。</t>
    <rPh sb="0" eb="5">
      <t>ヨシダジマコウコウ</t>
    </rPh>
    <rPh sb="6" eb="7">
      <t>ヒ</t>
    </rPh>
    <rPh sb="10" eb="14">
      <t>キョウイクカツドウ</t>
    </rPh>
    <rPh sb="15" eb="17">
      <t>セイカ</t>
    </rPh>
    <rPh sb="23" eb="26">
      <t>ブンカサイ</t>
    </rPh>
    <rPh sb="27" eb="29">
      <t>カイサイ</t>
    </rPh>
    <phoneticPr fontId="5"/>
  </si>
  <si>
    <t>特にありません。</t>
    <rPh sb="0" eb="1">
      <t>トク</t>
    </rPh>
    <phoneticPr fontId="5"/>
  </si>
  <si>
    <t>吉田島高校
生徒活動グループ</t>
    <rPh sb="0" eb="5">
      <t>ヨシダジマコウコウ</t>
    </rPh>
    <rPh sb="6" eb="8">
      <t>セイト</t>
    </rPh>
    <rPh sb="8" eb="10">
      <t>カツドウ</t>
    </rPh>
    <phoneticPr fontId="5"/>
  </si>
  <si>
    <t>鎌倉市</t>
  </si>
  <si>
    <t>学校公開日</t>
    <rPh sb="0" eb="2">
      <t>ガッコウ</t>
    </rPh>
    <rPh sb="2" eb="5">
      <t>コウカイビ</t>
    </rPh>
    <phoneticPr fontId="5"/>
  </si>
  <si>
    <t>藤沢支援学校（鎌倉分教室）の教育活動を公開します。</t>
    <rPh sb="0" eb="6">
      <t>フジサワシエンガッコウ</t>
    </rPh>
    <rPh sb="7" eb="12">
      <t>カマクラブンキョウシツ</t>
    </rPh>
    <rPh sb="14" eb="18">
      <t>キョウイクカツドウ</t>
    </rPh>
    <rPh sb="19" eb="21">
      <t>コウカイ</t>
    </rPh>
    <phoneticPr fontId="5"/>
  </si>
  <si>
    <t>江ノ島電鉄
鎌倉高校前</t>
    <rPh sb="0" eb="1">
      <t>エ</t>
    </rPh>
    <rPh sb="2" eb="5">
      <t>シマデンテツ</t>
    </rPh>
    <rPh sb="6" eb="11">
      <t>カマクラコウコウマエ</t>
    </rPh>
    <phoneticPr fontId="5"/>
  </si>
  <si>
    <t xml:space="preserve">
藤沢支援学校
支援連携グループ</t>
    <rPh sb="1" eb="7">
      <t>フジサワシエンガッコウ</t>
    </rPh>
    <rPh sb="8" eb="10">
      <t>シエン</t>
    </rPh>
    <rPh sb="10" eb="12">
      <t>レンケイ</t>
    </rPh>
    <phoneticPr fontId="5"/>
  </si>
  <si>
    <t>地域住民、保護者
教員</t>
    <rPh sb="0" eb="4">
      <t>チイキジュウミン</t>
    </rPh>
    <rPh sb="5" eb="8">
      <t>ホゴシャ</t>
    </rPh>
    <rPh sb="9" eb="11">
      <t>キョウイン</t>
    </rPh>
    <phoneticPr fontId="5"/>
  </si>
  <si>
    <t>藤沢支援学校
支援連携グループ</t>
  </si>
  <si>
    <t>学校公開日</t>
    <rPh sb="0" eb="5">
      <t>ガッコウコウカイビ</t>
    </rPh>
    <phoneticPr fontId="5"/>
  </si>
  <si>
    <t>藤沢支援学校（本校）の教育活動を公開します。</t>
    <rPh sb="7" eb="9">
      <t>ホンコウ</t>
    </rPh>
    <phoneticPr fontId="5"/>
  </si>
  <si>
    <t>藤沢支援学校</t>
    <rPh sb="0" eb="6">
      <t>フジサワシエンガッコウ</t>
    </rPh>
    <phoneticPr fontId="5"/>
  </si>
  <si>
    <t>小田急電鉄
六会日大前</t>
    <phoneticPr fontId="5"/>
  </si>
  <si>
    <t xml:space="preserve">
藤沢支援学校
支援連携グループ</t>
    <phoneticPr fontId="5"/>
  </si>
  <si>
    <t>地域住民、保護者
教員</t>
  </si>
  <si>
    <t>橘華祭（文化祭）</t>
    <rPh sb="0" eb="1">
      <t>タチバナ</t>
    </rPh>
    <rPh sb="1" eb="2">
      <t>ハナ</t>
    </rPh>
    <rPh sb="2" eb="3">
      <t>サイ</t>
    </rPh>
    <rPh sb="4" eb="7">
      <t>ブンカサイ</t>
    </rPh>
    <phoneticPr fontId="5"/>
  </si>
  <si>
    <t>横須賀大津高校の代表的な行事の一つである、文化祭です。</t>
    <rPh sb="0" eb="3">
      <t>ヨコスカ</t>
    </rPh>
    <rPh sb="3" eb="5">
      <t>オオツ</t>
    </rPh>
    <rPh sb="5" eb="7">
      <t>コウコウ</t>
    </rPh>
    <rPh sb="8" eb="11">
      <t>ダイヒョウテキ</t>
    </rPh>
    <rPh sb="12" eb="14">
      <t>ギョウジ</t>
    </rPh>
    <rPh sb="15" eb="16">
      <t>イチ</t>
    </rPh>
    <rPh sb="21" eb="24">
      <t>ブンカサイ</t>
    </rPh>
    <phoneticPr fontId="5"/>
  </si>
  <si>
    <t>横須賀大津高等学校</t>
    <rPh sb="0" eb="3">
      <t>ヨコスカ</t>
    </rPh>
    <rPh sb="3" eb="5">
      <t>オオツ</t>
    </rPh>
    <rPh sb="5" eb="9">
      <t>コウトウガッコウ</t>
    </rPh>
    <phoneticPr fontId="5"/>
  </si>
  <si>
    <t>京浜急行線　　新大津駅</t>
    <rPh sb="0" eb="5">
      <t>ケイヒンキュウコウセン</t>
    </rPh>
    <rPh sb="7" eb="11">
      <t>シンオオツエキ</t>
    </rPh>
    <phoneticPr fontId="5"/>
  </si>
  <si>
    <t>横須賀大津高等学校　活動支援グループ</t>
    <rPh sb="0" eb="3">
      <t>ヨコスカ</t>
    </rPh>
    <rPh sb="3" eb="5">
      <t>オオツ</t>
    </rPh>
    <rPh sb="5" eb="9">
      <t>コウトウガッコウ</t>
    </rPh>
    <rPh sb="10" eb="14">
      <t>カツドウシエン</t>
    </rPh>
    <phoneticPr fontId="5"/>
  </si>
  <si>
    <t>https://www.pen-kanagawa.ed.jp/yokosukaotsu-h</t>
    <phoneticPr fontId="5"/>
  </si>
  <si>
    <t>部活動体験会</t>
    <rPh sb="0" eb="3">
      <t>ブカツドウ</t>
    </rPh>
    <rPh sb="3" eb="6">
      <t>タイケンカイ</t>
    </rPh>
    <phoneticPr fontId="5"/>
  </si>
  <si>
    <t>中学生対象部活動体験会です。</t>
    <rPh sb="0" eb="3">
      <t>チュウガクセイ</t>
    </rPh>
    <rPh sb="3" eb="5">
      <t>タイショウ</t>
    </rPh>
    <rPh sb="5" eb="8">
      <t>ブカツドウ</t>
    </rPh>
    <rPh sb="8" eb="11">
      <t>タイケンカイ</t>
    </rPh>
    <phoneticPr fontId="5"/>
  </si>
  <si>
    <t>中学生向け</t>
    <rPh sb="0" eb="3">
      <t>チュウガクセイ</t>
    </rPh>
    <rPh sb="3" eb="4">
      <t>ム</t>
    </rPh>
    <phoneticPr fontId="5"/>
  </si>
  <si>
    <t>有料</t>
  </si>
  <si>
    <t>横須賀大津高等学校　学校管理グループ</t>
    <rPh sb="0" eb="3">
      <t>ヨコスカ</t>
    </rPh>
    <rPh sb="3" eb="5">
      <t>オオツ</t>
    </rPh>
    <rPh sb="5" eb="9">
      <t>コウトウガッコウ</t>
    </rPh>
    <rPh sb="10" eb="14">
      <t>ガッコウカンリ</t>
    </rPh>
    <phoneticPr fontId="5"/>
  </si>
  <si>
    <t>横須賀大津高校の学び、生活、カリキュラム等を紹介・説明します。</t>
    <rPh sb="0" eb="7">
      <t>ヨコスカオオツコウコウ</t>
    </rPh>
    <rPh sb="8" eb="9">
      <t>マナ</t>
    </rPh>
    <rPh sb="11" eb="13">
      <t>セイカツ</t>
    </rPh>
    <rPh sb="20" eb="21">
      <t>トウ</t>
    </rPh>
    <rPh sb="22" eb="24">
      <t>ショウカイ</t>
    </rPh>
    <rPh sb="25" eb="27">
      <t>セツメイ</t>
    </rPh>
    <phoneticPr fontId="5"/>
  </si>
  <si>
    <t>本校の教育活動に興味がある人、受検を希望する中学生やその保護者等。</t>
    <rPh sb="0" eb="2">
      <t>ホンコウ</t>
    </rPh>
    <rPh sb="3" eb="7">
      <t>キョウイクカツドウ</t>
    </rPh>
    <rPh sb="8" eb="10">
      <t>キョウミ</t>
    </rPh>
    <rPh sb="13" eb="14">
      <t>ヒト</t>
    </rPh>
    <rPh sb="15" eb="17">
      <t>ジュケン</t>
    </rPh>
    <rPh sb="18" eb="20">
      <t>キボウ</t>
    </rPh>
    <rPh sb="22" eb="25">
      <t>チュウガクセイ</t>
    </rPh>
    <rPh sb="28" eb="32">
      <t>ホゴシャトウ</t>
    </rPh>
    <phoneticPr fontId="5"/>
  </si>
  <si>
    <t>横浜市
保土ヶ谷区</t>
    <rPh sb="0" eb="3">
      <t>ヨコハマシ</t>
    </rPh>
    <phoneticPr fontId="5"/>
  </si>
  <si>
    <t>第3回学校説明会</t>
    <rPh sb="0" eb="1">
      <t>ダイ</t>
    </rPh>
    <rPh sb="2" eb="8">
      <t>カイガッコウセツメイカイ</t>
    </rPh>
    <phoneticPr fontId="5"/>
  </si>
  <si>
    <t>光陵高校の特徴を紹介していきます。</t>
    <rPh sb="0" eb="4">
      <t>コウリョウコウコウ</t>
    </rPh>
    <rPh sb="5" eb="7">
      <t>トクチョウ</t>
    </rPh>
    <rPh sb="8" eb="10">
      <t>ショウカイ</t>
    </rPh>
    <phoneticPr fontId="5"/>
  </si>
  <si>
    <t>保土ヶ谷駅</t>
    <rPh sb="0" eb="4">
      <t>ホドガヤ</t>
    </rPh>
    <rPh sb="4" eb="5">
      <t>エキ</t>
    </rPh>
    <phoneticPr fontId="5"/>
  </si>
  <si>
    <t>本校に関心がある中学生及びその保護者</t>
    <rPh sb="0" eb="2">
      <t>ホンコウ</t>
    </rPh>
    <rPh sb="3" eb="5">
      <t>カンシン</t>
    </rPh>
    <rPh sb="8" eb="11">
      <t>チュウガクセイ</t>
    </rPh>
    <rPh sb="11" eb="12">
      <t>オヨ</t>
    </rPh>
    <rPh sb="15" eb="18">
      <t>ホゴシャ</t>
    </rPh>
    <phoneticPr fontId="5"/>
  </si>
  <si>
    <t>ＳＥＩＮＡＮ祭</t>
    <rPh sb="6" eb="7">
      <t>サイ</t>
    </rPh>
    <phoneticPr fontId="5"/>
  </si>
  <si>
    <t>学校行事のひとつとして、生徒およびＰＴＡがステージ発表・展示、物品・食品販売などを実施します。</t>
    <rPh sb="0" eb="2">
      <t>ガッコウ</t>
    </rPh>
    <rPh sb="2" eb="4">
      <t>ギョウジ</t>
    </rPh>
    <rPh sb="12" eb="14">
      <t>セイト</t>
    </rPh>
    <rPh sb="25" eb="27">
      <t>ハッピョウ</t>
    </rPh>
    <rPh sb="28" eb="30">
      <t>テンジ</t>
    </rPh>
    <rPh sb="31" eb="33">
      <t>ブッピン</t>
    </rPh>
    <rPh sb="34" eb="38">
      <t>ショクヒンハンバイ</t>
    </rPh>
    <rPh sb="41" eb="43">
      <t>ジッシ</t>
    </rPh>
    <phoneticPr fontId="5"/>
  </si>
  <si>
    <t>本厚木駅</t>
    <rPh sb="0" eb="4">
      <t>ホンアツギエキ</t>
    </rPh>
    <phoneticPr fontId="5"/>
  </si>
  <si>
    <t>厚木清南
高等学校</t>
    <rPh sb="0" eb="2">
      <t>アツギ</t>
    </rPh>
    <rPh sb="2" eb="3">
      <t>キヨシ</t>
    </rPh>
    <rPh sb="3" eb="4">
      <t>ナン</t>
    </rPh>
    <rPh sb="5" eb="7">
      <t>コウトウ</t>
    </rPh>
    <rPh sb="7" eb="9">
      <t>ガッコウ</t>
    </rPh>
    <phoneticPr fontId="5"/>
  </si>
  <si>
    <t>厚木清南高等学校
全日制生徒活動支援グループ</t>
    <rPh sb="0" eb="8">
      <t>アツギキヨシ南コウトウガッコウ</t>
    </rPh>
    <rPh sb="9" eb="12">
      <t>ゼンニチセイ</t>
    </rPh>
    <rPh sb="12" eb="14">
      <t>セイト</t>
    </rPh>
    <rPh sb="14" eb="16">
      <t>カツドウ</t>
    </rPh>
    <rPh sb="16" eb="18">
      <t>シエン</t>
    </rPh>
    <phoneticPr fontId="5"/>
  </si>
  <si>
    <t>第２回ミニ学校説明会</t>
    <rPh sb="0" eb="1">
      <t>ダイ</t>
    </rPh>
    <rPh sb="2" eb="3">
      <t>カイ</t>
    </rPh>
    <rPh sb="5" eb="7">
      <t>ガッコウ</t>
    </rPh>
    <rPh sb="7" eb="10">
      <t>セツメイカイ</t>
    </rPh>
    <phoneticPr fontId="5"/>
  </si>
  <si>
    <t>本校入学希望者に本校の進路・特色・学校生活などについて説明します。
学校説明会のコンパクト版です。</t>
    <rPh sb="34" eb="36">
      <t>ガッコウ</t>
    </rPh>
    <rPh sb="36" eb="39">
      <t>セツメイカイ</t>
    </rPh>
    <rPh sb="45" eb="46">
      <t>バン</t>
    </rPh>
    <phoneticPr fontId="5"/>
  </si>
  <si>
    <t>商工高等学校</t>
    <rPh sb="0" eb="2">
      <t>ショウコウ</t>
    </rPh>
    <rPh sb="2" eb="4">
      <t>コウトウ</t>
    </rPh>
    <rPh sb="4" eb="6">
      <t>ガッコウ</t>
    </rPh>
    <phoneticPr fontId="5"/>
  </si>
  <si>
    <t>二俣川駅北口よりバス  → 「美立橋」 下車徒歩３分
二俣川駅南口よりバス  → 「左近山第４」 下車徒歩７分
東戸塚駅西口よりバス  → 「環２今井」 下車徒歩10分
保土ヶ谷駅東口よりバス  → 「美立橋」  下車徒歩3分</t>
    <phoneticPr fontId="5"/>
  </si>
  <si>
    <t>商工高等学校</t>
    <rPh sb="0" eb="6">
      <t>ショウコウコウトウガッコウ</t>
    </rPh>
    <phoneticPr fontId="5"/>
  </si>
  <si>
    <t>本校への入学希望者</t>
    <rPh sb="4" eb="6">
      <t>ニュウガク</t>
    </rPh>
    <rPh sb="6" eb="9">
      <t>キボウシャ</t>
    </rPh>
    <phoneticPr fontId="5"/>
  </si>
  <si>
    <t>商工高等学校
企画研究グループ</t>
    <rPh sb="0" eb="6">
      <t>ショウコウコウトウガッコウ</t>
    </rPh>
    <rPh sb="7" eb="9">
      <t>キカク</t>
    </rPh>
    <rPh sb="9" eb="11">
      <t>ケンキュウ</t>
    </rPh>
    <phoneticPr fontId="5"/>
  </si>
  <si>
    <t xml:space="preserve">https://www.pen-kanagawa.ed.jp/shoko-h/index.html
</t>
    <phoneticPr fontId="5"/>
  </si>
  <si>
    <t>第３回ミニ学校説明会</t>
    <rPh sb="0" eb="1">
      <t>ダイ</t>
    </rPh>
    <rPh sb="2" eb="3">
      <t>カイ</t>
    </rPh>
    <rPh sb="5" eb="7">
      <t>ガッコウ</t>
    </rPh>
    <rPh sb="7" eb="10">
      <t>セツメイカイ</t>
    </rPh>
    <phoneticPr fontId="5"/>
  </si>
  <si>
    <t>第４回ミニ学校説明会</t>
    <rPh sb="0" eb="1">
      <t>ダイ</t>
    </rPh>
    <rPh sb="2" eb="3">
      <t>カイ</t>
    </rPh>
    <rPh sb="5" eb="7">
      <t>ガッコウ</t>
    </rPh>
    <rPh sb="7" eb="10">
      <t>セツメイカイ</t>
    </rPh>
    <phoneticPr fontId="5"/>
  </si>
  <si>
    <t>大井町</t>
  </si>
  <si>
    <t>大井高祭</t>
    <rPh sb="0" eb="4">
      <t>オオイコウサイ</t>
    </rPh>
    <phoneticPr fontId="5"/>
  </si>
  <si>
    <t>本校の学校祭で、地域の方や中学生などを招待して地域の活性化や大井高校の魅力向上につなげています。</t>
    <rPh sb="0" eb="2">
      <t>ホンコウ</t>
    </rPh>
    <rPh sb="3" eb="6">
      <t>ガッコウサイ</t>
    </rPh>
    <rPh sb="8" eb="10">
      <t>チイキ</t>
    </rPh>
    <rPh sb="11" eb="12">
      <t>カタ</t>
    </rPh>
    <rPh sb="13" eb="16">
      <t>チュウガクセイ</t>
    </rPh>
    <rPh sb="19" eb="21">
      <t>ショウタイ</t>
    </rPh>
    <rPh sb="23" eb="25">
      <t>チイキ</t>
    </rPh>
    <rPh sb="26" eb="29">
      <t>カッセイカ</t>
    </rPh>
    <rPh sb="30" eb="34">
      <t>オオイコウコウ</t>
    </rPh>
    <rPh sb="35" eb="37">
      <t>ミリョク</t>
    </rPh>
    <rPh sb="37" eb="39">
      <t>コウジョウ</t>
    </rPh>
    <phoneticPr fontId="5"/>
  </si>
  <si>
    <t>大井高校</t>
    <rPh sb="0" eb="4">
      <t>オオイコウコウ</t>
    </rPh>
    <phoneticPr fontId="5"/>
  </si>
  <si>
    <t>栢山駅、開成駅、上大井駅</t>
    <rPh sb="0" eb="2">
      <t>カヤマ</t>
    </rPh>
    <rPh sb="2" eb="3">
      <t>エキ</t>
    </rPh>
    <rPh sb="4" eb="7">
      <t>カイセイエキ</t>
    </rPh>
    <rPh sb="8" eb="12">
      <t>カミオオイエキ</t>
    </rPh>
    <phoneticPr fontId="5"/>
  </si>
  <si>
    <t>保護者、友人、地域の方、近隣の中学生など</t>
    <rPh sb="0" eb="3">
      <t>ホゴシャ</t>
    </rPh>
    <rPh sb="4" eb="6">
      <t>ユウジン</t>
    </rPh>
    <rPh sb="7" eb="9">
      <t>チイキ</t>
    </rPh>
    <rPh sb="10" eb="11">
      <t>カタ</t>
    </rPh>
    <rPh sb="12" eb="14">
      <t>キンリン</t>
    </rPh>
    <rPh sb="15" eb="18">
      <t>チュウガクセイ</t>
    </rPh>
    <phoneticPr fontId="5"/>
  </si>
  <si>
    <t>中学３年生とその保護者</t>
    <rPh sb="0" eb="2">
      <t>チュウガク</t>
    </rPh>
    <rPh sb="3" eb="5">
      <t>ネンセイ</t>
    </rPh>
    <rPh sb="8" eb="11">
      <t>ホゴシャ</t>
    </rPh>
    <phoneticPr fontId="5"/>
  </si>
  <si>
    <t>翠星祭文化部門
（文化祭）</t>
    <rPh sb="0" eb="1">
      <t>スイ</t>
    </rPh>
    <rPh sb="1" eb="2">
      <t>ホシ</t>
    </rPh>
    <rPh sb="2" eb="3">
      <t>マツ</t>
    </rPh>
    <rPh sb="3" eb="5">
      <t>ブンカ</t>
    </rPh>
    <rPh sb="5" eb="7">
      <t>ブモン</t>
    </rPh>
    <rPh sb="9" eb="12">
      <t>ブンカサイ</t>
    </rPh>
    <phoneticPr fontId="5"/>
  </si>
  <si>
    <t>本校の文化祭の様子をご覧いただき、より多くの県民の方に学校教育の現場の状況について理解と関心を深めていただきます。</t>
    <rPh sb="0" eb="2">
      <t>ホンコウ</t>
    </rPh>
    <rPh sb="3" eb="6">
      <t>ブンカサイ</t>
    </rPh>
    <rPh sb="7" eb="9">
      <t>ヨウス</t>
    </rPh>
    <rPh sb="11" eb="12">
      <t>ラン</t>
    </rPh>
    <rPh sb="19" eb="20">
      <t>オオ</t>
    </rPh>
    <rPh sb="22" eb="24">
      <t>ケンミン</t>
    </rPh>
    <rPh sb="25" eb="26">
      <t>カタ</t>
    </rPh>
    <rPh sb="27" eb="29">
      <t>ガッコウ</t>
    </rPh>
    <rPh sb="29" eb="31">
      <t>キョウイク</t>
    </rPh>
    <rPh sb="32" eb="34">
      <t>ゲンバ</t>
    </rPh>
    <rPh sb="35" eb="37">
      <t>ジョウキョウ</t>
    </rPh>
    <rPh sb="41" eb="43">
      <t>リカイ</t>
    </rPh>
    <rPh sb="44" eb="46">
      <t>カンシン</t>
    </rPh>
    <rPh sb="47" eb="48">
      <t>フカ</t>
    </rPh>
    <phoneticPr fontId="5"/>
  </si>
  <si>
    <t>平塚中等教育学校</t>
    <rPh sb="0" eb="4">
      <t>ヒラツカチュウトウ</t>
    </rPh>
    <rPh sb="4" eb="8">
      <t>キョウイクガッコウ</t>
    </rPh>
    <phoneticPr fontId="5"/>
  </si>
  <si>
    <t>授業公開・相談会</t>
    <rPh sb="0" eb="4">
      <t>ジュギョウコウカイ</t>
    </rPh>
    <rPh sb="5" eb="8">
      <t>ソウダンカイ</t>
    </rPh>
    <phoneticPr fontId="5"/>
  </si>
  <si>
    <t>実習室や教室での授業が見学できます。また、学校概要についての個別相談を実施します。</t>
    <rPh sb="0" eb="3">
      <t>ジッシュウシツ</t>
    </rPh>
    <rPh sb="4" eb="6">
      <t>キョウシツ</t>
    </rPh>
    <rPh sb="8" eb="10">
      <t>ジュギョウ</t>
    </rPh>
    <rPh sb="11" eb="13">
      <t>ケンガク</t>
    </rPh>
    <rPh sb="21" eb="23">
      <t>ガッコウ</t>
    </rPh>
    <rPh sb="23" eb="25">
      <t>ガイヨウ</t>
    </rPh>
    <rPh sb="30" eb="32">
      <t>コベツ</t>
    </rPh>
    <rPh sb="32" eb="34">
      <t>ソウダン</t>
    </rPh>
    <rPh sb="35" eb="37">
      <t>ジッシ</t>
    </rPh>
    <phoneticPr fontId="5"/>
  </si>
  <si>
    <t>県立平塚工科高等学校</t>
    <rPh sb="0" eb="2">
      <t>ケンリツ</t>
    </rPh>
    <rPh sb="2" eb="6">
      <t>ヒラツカコウカ</t>
    </rPh>
    <rPh sb="6" eb="10">
      <t>コウトウガッコウ</t>
    </rPh>
    <phoneticPr fontId="5"/>
  </si>
  <si>
    <t>平塚駅</t>
    <rPh sb="0" eb="3">
      <t>ヒラツカエキ</t>
    </rPh>
    <phoneticPr fontId="5"/>
  </si>
  <si>
    <t>平塚工科高等学校</t>
    <rPh sb="0" eb="4">
      <t>ヒラツカコウカ</t>
    </rPh>
    <rPh sb="4" eb="8">
      <t>コウトウガッコウ</t>
    </rPh>
    <phoneticPr fontId="5"/>
  </si>
  <si>
    <t>本校に興味がある小中学生</t>
    <rPh sb="0" eb="2">
      <t>ホンコウ</t>
    </rPh>
    <rPh sb="3" eb="5">
      <t>キョウミ</t>
    </rPh>
    <rPh sb="8" eb="12">
      <t>ショウチュウガクセイ</t>
    </rPh>
    <phoneticPr fontId="5"/>
  </si>
  <si>
    <t>https://www.pen-kanagawa.ed.jp/hiratsukakoka-th/</t>
    <phoneticPr fontId="5"/>
  </si>
  <si>
    <t>平塚湘風高等学校
学校説明会</t>
    <rPh sb="0" eb="8">
      <t>ヒラツカショウフウコウトウガッコウ</t>
    </rPh>
    <rPh sb="9" eb="14">
      <t>ガッコウセツメイカイ</t>
    </rPh>
    <phoneticPr fontId="5"/>
  </si>
  <si>
    <t>本校の特色である「単位制普通科」の魅力や県指定の『確かな学力育成推進校』としての取組み等について、本校への進学を考えている中学生及びその保護者を中心に広く情報発信をしていきます。</t>
    <rPh sb="0" eb="2">
      <t>ホンコウ</t>
    </rPh>
    <rPh sb="3" eb="5">
      <t>トクショク</t>
    </rPh>
    <rPh sb="9" eb="15">
      <t>タンイセイフツウカ</t>
    </rPh>
    <rPh sb="17" eb="19">
      <t>ミリョク</t>
    </rPh>
    <rPh sb="20" eb="23">
      <t>ケンシテイ</t>
    </rPh>
    <rPh sb="25" eb="26">
      <t>タシ</t>
    </rPh>
    <rPh sb="28" eb="35">
      <t>ガクリョクイクセイスイシンコウ</t>
    </rPh>
    <rPh sb="40" eb="42">
      <t>トリク</t>
    </rPh>
    <rPh sb="43" eb="44">
      <t>トウ</t>
    </rPh>
    <rPh sb="49" eb="51">
      <t>ホンコウ</t>
    </rPh>
    <rPh sb="53" eb="55">
      <t>シンガク</t>
    </rPh>
    <rPh sb="56" eb="57">
      <t>カンガ</t>
    </rPh>
    <rPh sb="61" eb="64">
      <t>チュウガクセイ</t>
    </rPh>
    <rPh sb="64" eb="65">
      <t>オヨ</t>
    </rPh>
    <rPh sb="68" eb="71">
      <t>ホゴシャ</t>
    </rPh>
    <rPh sb="72" eb="74">
      <t>チュウシン</t>
    </rPh>
    <rPh sb="75" eb="76">
      <t>ヒロ</t>
    </rPh>
    <rPh sb="77" eb="81">
      <t>ジョウホウハッシン</t>
    </rPh>
    <phoneticPr fontId="5"/>
  </si>
  <si>
    <t>平塚湘風高等学校</t>
    <rPh sb="0" eb="8">
      <t>ヒラツカショウフウコウトウガッコウ</t>
    </rPh>
    <phoneticPr fontId="5"/>
  </si>
  <si>
    <t>平塚駅、伊勢原駅、本厚木駅よりバス</t>
    <rPh sb="0" eb="3">
      <t>ヒラツカエキ</t>
    </rPh>
    <rPh sb="4" eb="8">
      <t>イセハラエキ</t>
    </rPh>
    <rPh sb="9" eb="13">
      <t>ホンアツギエキ</t>
    </rPh>
    <phoneticPr fontId="5"/>
  </si>
  <si>
    <t>平塚湘風高等学校</t>
    <rPh sb="0" eb="2">
      <t>ヒラツカ</t>
    </rPh>
    <rPh sb="2" eb="3">
      <t>ショウ</t>
    </rPh>
    <rPh sb="3" eb="4">
      <t>フウ</t>
    </rPh>
    <rPh sb="4" eb="6">
      <t>コウトウ</t>
    </rPh>
    <rPh sb="6" eb="8">
      <t>ガッコウ</t>
    </rPh>
    <phoneticPr fontId="5"/>
  </si>
  <si>
    <t>本校への進学を考えている中学生及び保護者</t>
    <rPh sb="0" eb="2">
      <t>ホンコウ</t>
    </rPh>
    <rPh sb="4" eb="6">
      <t>シンガク</t>
    </rPh>
    <rPh sb="7" eb="8">
      <t>カンガ</t>
    </rPh>
    <rPh sb="12" eb="15">
      <t>チュウガクセイ</t>
    </rPh>
    <rPh sb="15" eb="16">
      <t>オヨ</t>
    </rPh>
    <rPh sb="17" eb="20">
      <t>ホゴシャ</t>
    </rPh>
    <phoneticPr fontId="5"/>
  </si>
  <si>
    <t>平塚湘風高等学校
研究開発グループ</t>
    <rPh sb="0" eb="2">
      <t>ヒラツカ</t>
    </rPh>
    <rPh sb="2" eb="3">
      <t>ショウ</t>
    </rPh>
    <rPh sb="3" eb="4">
      <t>フウ</t>
    </rPh>
    <rPh sb="4" eb="6">
      <t>コウトウ</t>
    </rPh>
    <rPh sb="6" eb="8">
      <t>ガッコウ</t>
    </rPh>
    <rPh sb="9" eb="13">
      <t>ケンキュウカイハツ</t>
    </rPh>
    <phoneticPr fontId="5"/>
  </si>
  <si>
    <t>藤沢方面学校説明会</t>
    <rPh sb="0" eb="2">
      <t>フジサワ</t>
    </rPh>
    <rPh sb="2" eb="9">
      <t>ホウメンガッコウセツメイカイ</t>
    </rPh>
    <phoneticPr fontId="5"/>
  </si>
  <si>
    <t>本校への入学を考える中学3年生とその保護者を対象とした学校説明会。</t>
    <rPh sb="0" eb="2">
      <t>ホンコウ</t>
    </rPh>
    <rPh sb="4" eb="6">
      <t>ニュウガク</t>
    </rPh>
    <rPh sb="7" eb="8">
      <t>カンガ</t>
    </rPh>
    <rPh sb="10" eb="12">
      <t>チュウガク</t>
    </rPh>
    <rPh sb="13" eb="15">
      <t>ネンセイ</t>
    </rPh>
    <rPh sb="18" eb="21">
      <t>ホゴシャ</t>
    </rPh>
    <rPh sb="22" eb="24">
      <t>タイショウ</t>
    </rPh>
    <rPh sb="27" eb="29">
      <t>ガッコウ</t>
    </rPh>
    <rPh sb="29" eb="32">
      <t>セツメイカイ</t>
    </rPh>
    <phoneticPr fontId="2"/>
  </si>
  <si>
    <t>藤沢商工会館ミナパーク</t>
    <rPh sb="0" eb="2">
      <t>フジサワ</t>
    </rPh>
    <rPh sb="2" eb="4">
      <t>ショウコウ</t>
    </rPh>
    <rPh sb="4" eb="6">
      <t>カイカン</t>
    </rPh>
    <phoneticPr fontId="5"/>
  </si>
  <si>
    <t>藤沢駅</t>
    <rPh sb="0" eb="2">
      <t>フジサワ</t>
    </rPh>
    <rPh sb="2" eb="3">
      <t>エキ</t>
    </rPh>
    <phoneticPr fontId="5"/>
  </si>
  <si>
    <t>平塚農商高等学校</t>
    <rPh sb="0" eb="4">
      <t>ヒラツカノウショウ</t>
    </rPh>
    <rPh sb="4" eb="6">
      <t>コウトウ</t>
    </rPh>
    <rPh sb="6" eb="8">
      <t>ガッコウ</t>
    </rPh>
    <phoneticPr fontId="2"/>
  </si>
  <si>
    <t>本校への入学を考える中3３年生とその保護者</t>
    <rPh sb="0" eb="2">
      <t>ホンコウ</t>
    </rPh>
    <rPh sb="4" eb="6">
      <t>ニュウガク</t>
    </rPh>
    <rPh sb="7" eb="8">
      <t>カンガ</t>
    </rPh>
    <rPh sb="10" eb="11">
      <t>ナカ</t>
    </rPh>
    <rPh sb="13" eb="15">
      <t>ネンセイ</t>
    </rPh>
    <rPh sb="18" eb="21">
      <t>ホゴシャ</t>
    </rPh>
    <phoneticPr fontId="2"/>
  </si>
  <si>
    <t>平塚農商高等学校　連携広報グループ</t>
    <rPh sb="0" eb="4">
      <t>ヒラツカノウショウ</t>
    </rPh>
    <rPh sb="4" eb="6">
      <t>コウトウ</t>
    </rPh>
    <rPh sb="6" eb="8">
      <t>ガッコウ</t>
    </rPh>
    <rPh sb="9" eb="11">
      <t>レンケイ</t>
    </rPh>
    <rPh sb="11" eb="13">
      <t>コウホウ</t>
    </rPh>
    <phoneticPr fontId="2"/>
  </si>
  <si>
    <t>イブニング学校説明会・見学会</t>
    <rPh sb="5" eb="7">
      <t>ガッコウ</t>
    </rPh>
    <rPh sb="7" eb="10">
      <t>セツメイカイ</t>
    </rPh>
    <rPh sb="11" eb="13">
      <t>ケンガク</t>
    </rPh>
    <rPh sb="13" eb="14">
      <t>カイ</t>
    </rPh>
    <phoneticPr fontId="2"/>
  </si>
  <si>
    <t>平塚駅</t>
    <rPh sb="0" eb="2">
      <t>ヒラツカ</t>
    </rPh>
    <rPh sb="2" eb="3">
      <t>エキ</t>
    </rPh>
    <phoneticPr fontId="2"/>
  </si>
  <si>
    <t>本校への入学を考える中学３年生とその保護者</t>
    <rPh sb="0" eb="2">
      <t>ホンコウ</t>
    </rPh>
    <rPh sb="4" eb="6">
      <t>ニュウガク</t>
    </rPh>
    <rPh sb="7" eb="8">
      <t>カンガ</t>
    </rPh>
    <rPh sb="10" eb="12">
      <t>チュウガク</t>
    </rPh>
    <rPh sb="13" eb="15">
      <t>ネンセイ</t>
    </rPh>
    <rPh sb="18" eb="21">
      <t>ホゴシャ</t>
    </rPh>
    <phoneticPr fontId="2"/>
  </si>
  <si>
    <t>秋の体験入学</t>
    <rPh sb="0" eb="1">
      <t>アキ</t>
    </rPh>
    <rPh sb="2" eb="4">
      <t>タイケン</t>
    </rPh>
    <rPh sb="4" eb="6">
      <t>ニュウガク</t>
    </rPh>
    <phoneticPr fontId="2"/>
  </si>
  <si>
    <t>本校への入学を考える中学3年生とその保護者を対象とした農業科または総合ビジネス科の体験入学。</t>
    <rPh sb="0" eb="2">
      <t>ホンコウ</t>
    </rPh>
    <rPh sb="4" eb="6">
      <t>ニュウガク</t>
    </rPh>
    <rPh sb="7" eb="8">
      <t>カンガ</t>
    </rPh>
    <rPh sb="10" eb="12">
      <t>チュウガク</t>
    </rPh>
    <rPh sb="13" eb="15">
      <t>ネンセイ</t>
    </rPh>
    <rPh sb="18" eb="21">
      <t>ホゴシャ</t>
    </rPh>
    <rPh sb="22" eb="24">
      <t>タイショウ</t>
    </rPh>
    <rPh sb="27" eb="29">
      <t>ノウギョウ</t>
    </rPh>
    <rPh sb="29" eb="30">
      <t>カ</t>
    </rPh>
    <rPh sb="33" eb="35">
      <t>ソウゴウ</t>
    </rPh>
    <rPh sb="39" eb="40">
      <t>カ</t>
    </rPh>
    <rPh sb="41" eb="43">
      <t>タイケン</t>
    </rPh>
    <rPh sb="43" eb="45">
      <t>ニュウガク</t>
    </rPh>
    <phoneticPr fontId="2"/>
  </si>
  <si>
    <t>本校への入学を考える中学3年生とその保護者</t>
    <rPh sb="0" eb="2">
      <t>ホンコウ</t>
    </rPh>
    <rPh sb="4" eb="6">
      <t>ニュウガク</t>
    </rPh>
    <rPh sb="7" eb="8">
      <t>カンガ</t>
    </rPh>
    <rPh sb="10" eb="12">
      <t>チュウガク</t>
    </rPh>
    <rPh sb="13" eb="15">
      <t>ネンセイ</t>
    </rPh>
    <rPh sb="18" eb="21">
      <t>ホゴシャ</t>
    </rPh>
    <phoneticPr fontId="2"/>
  </si>
  <si>
    <t>穂翔祭（学校祭）</t>
    <rPh sb="0" eb="1">
      <t>ホ</t>
    </rPh>
    <rPh sb="1" eb="2">
      <t>ショウ</t>
    </rPh>
    <rPh sb="2" eb="3">
      <t>サイ</t>
    </rPh>
    <rPh sb="4" eb="7">
      <t>ガッコウサイ</t>
    </rPh>
    <phoneticPr fontId="2"/>
  </si>
  <si>
    <t>農業科・商業科の専門性を生かした学習発表の場。クラスや部活動での発表や販売を実施。</t>
    <rPh sb="0" eb="3">
      <t>ノウギョウカ</t>
    </rPh>
    <rPh sb="4" eb="7">
      <t>ショウギョウカ</t>
    </rPh>
    <rPh sb="8" eb="11">
      <t>センモンセイ</t>
    </rPh>
    <rPh sb="12" eb="13">
      <t>イ</t>
    </rPh>
    <rPh sb="16" eb="18">
      <t>ガクシュウ</t>
    </rPh>
    <rPh sb="18" eb="20">
      <t>ハッピョウ</t>
    </rPh>
    <rPh sb="21" eb="22">
      <t>バ</t>
    </rPh>
    <rPh sb="27" eb="30">
      <t>ブカツドウ</t>
    </rPh>
    <rPh sb="32" eb="34">
      <t>ハッピョウ</t>
    </rPh>
    <rPh sb="35" eb="37">
      <t>ハンバイ</t>
    </rPh>
    <rPh sb="38" eb="40">
      <t>ジッシ</t>
    </rPh>
    <phoneticPr fontId="5"/>
  </si>
  <si>
    <t>本校生徒保護者、入学を考える中学生および地域住民</t>
    <rPh sb="0" eb="2">
      <t>ホンコウ</t>
    </rPh>
    <rPh sb="2" eb="4">
      <t>セイト</t>
    </rPh>
    <rPh sb="4" eb="7">
      <t>ホゴシャ</t>
    </rPh>
    <rPh sb="8" eb="10">
      <t>ニュウガク</t>
    </rPh>
    <rPh sb="11" eb="12">
      <t>カンガ</t>
    </rPh>
    <rPh sb="14" eb="17">
      <t>チュウガクセイ</t>
    </rPh>
    <rPh sb="20" eb="22">
      <t>チイキ</t>
    </rPh>
    <rPh sb="22" eb="24">
      <t>ジュウミン</t>
    </rPh>
    <phoneticPr fontId="2"/>
  </si>
  <si>
    <t>検討中</t>
    <rPh sb="0" eb="3">
      <t>ケントウチュウ</t>
    </rPh>
    <phoneticPr fontId="5"/>
  </si>
  <si>
    <t>学校説明会・見学会</t>
    <rPh sb="0" eb="2">
      <t>ガッコウ</t>
    </rPh>
    <rPh sb="2" eb="5">
      <t>セツメイカイ</t>
    </rPh>
    <rPh sb="6" eb="8">
      <t>ケンガク</t>
    </rPh>
    <rPh sb="8" eb="9">
      <t>カイ</t>
    </rPh>
    <phoneticPr fontId="2"/>
  </si>
  <si>
    <t>愛川町</t>
  </si>
  <si>
    <t>中学３年生及びその保護者に向けた、本校の教育活動等の様子について説明していきます。</t>
    <rPh sb="0" eb="2">
      <t>チュウガク</t>
    </rPh>
    <rPh sb="3" eb="5">
      <t>ネンセイ</t>
    </rPh>
    <rPh sb="5" eb="6">
      <t>オヨ</t>
    </rPh>
    <rPh sb="9" eb="12">
      <t>ホゴシャ</t>
    </rPh>
    <rPh sb="13" eb="14">
      <t>ム</t>
    </rPh>
    <rPh sb="17" eb="19">
      <t>ホンコウ</t>
    </rPh>
    <rPh sb="20" eb="24">
      <t>キョウイクカツドウ</t>
    </rPh>
    <rPh sb="24" eb="25">
      <t>トウ</t>
    </rPh>
    <rPh sb="26" eb="28">
      <t>ヨウス</t>
    </rPh>
    <rPh sb="32" eb="34">
      <t>セツメイ</t>
    </rPh>
    <phoneticPr fontId="5"/>
  </si>
  <si>
    <t>愛川高等学校</t>
    <rPh sb="0" eb="2">
      <t>アイカワ</t>
    </rPh>
    <rPh sb="2" eb="6">
      <t>コウトウガッコウ</t>
    </rPh>
    <phoneticPr fontId="5"/>
  </si>
  <si>
    <t>愛川バスセンター下車</t>
    <rPh sb="0" eb="2">
      <t>アイカワ</t>
    </rPh>
    <rPh sb="8" eb="10">
      <t>ゲシャ</t>
    </rPh>
    <phoneticPr fontId="5"/>
  </si>
  <si>
    <t>中学生と保護者</t>
    <rPh sb="0" eb="3">
      <t>チュウガクセイ</t>
    </rPh>
    <rPh sb="4" eb="7">
      <t>ホゴシャ</t>
    </rPh>
    <phoneticPr fontId="5"/>
  </si>
  <si>
    <t>https://www.pen-kanagawa.ed.jp/aikawa-h/</t>
  </si>
  <si>
    <t>川崎市
中原区</t>
    <rPh sb="0" eb="3">
      <t>カワサキシ</t>
    </rPh>
    <phoneticPr fontId="5"/>
  </si>
  <si>
    <t>新城高校学校説明会</t>
    <rPh sb="0" eb="4">
      <t>シンジョウコウコウ</t>
    </rPh>
    <rPh sb="4" eb="9">
      <t>ガッコウセツメイカイ</t>
    </rPh>
    <phoneticPr fontId="5"/>
  </si>
  <si>
    <t>本校の学習、進路、学校生活、入試等に関しての説明を行う。
校舎見学や個別相談を実施（希望者のみ）</t>
    <rPh sb="0" eb="2">
      <t>ホンコウ</t>
    </rPh>
    <rPh sb="3" eb="5">
      <t>ガクシュウ</t>
    </rPh>
    <rPh sb="6" eb="8">
      <t>シンロ</t>
    </rPh>
    <rPh sb="9" eb="13">
      <t>ガッコウセイカツ</t>
    </rPh>
    <rPh sb="14" eb="16">
      <t>ニュウシ</t>
    </rPh>
    <rPh sb="16" eb="17">
      <t>トウ</t>
    </rPh>
    <rPh sb="18" eb="19">
      <t>カン</t>
    </rPh>
    <rPh sb="22" eb="24">
      <t>セツメイ</t>
    </rPh>
    <rPh sb="25" eb="26">
      <t>オコナ</t>
    </rPh>
    <rPh sb="29" eb="33">
      <t>コウシャケンガク</t>
    </rPh>
    <rPh sb="34" eb="38">
      <t>コベツソウダン</t>
    </rPh>
    <rPh sb="39" eb="41">
      <t>ジッシ</t>
    </rPh>
    <rPh sb="42" eb="45">
      <t>キボウシャ</t>
    </rPh>
    <phoneticPr fontId="5"/>
  </si>
  <si>
    <t>武蔵新城駅
武蔵中原駅</t>
    <rPh sb="0" eb="4">
      <t>ムサシシンジョウ</t>
    </rPh>
    <rPh sb="4" eb="5">
      <t>エキ</t>
    </rPh>
    <rPh sb="6" eb="11">
      <t>ムサシナカハラエキ</t>
    </rPh>
    <phoneticPr fontId="5"/>
  </si>
  <si>
    <t>新城高等学校</t>
    <rPh sb="0" eb="6">
      <t>シンジョウコウトウガッコウ</t>
    </rPh>
    <phoneticPr fontId="5"/>
  </si>
  <si>
    <t>神奈川県内中学3年生及び保護者</t>
    <rPh sb="0" eb="3">
      <t>カナガワ</t>
    </rPh>
    <rPh sb="3" eb="5">
      <t>ケンナイ</t>
    </rPh>
    <rPh sb="5" eb="7">
      <t>チュウガク</t>
    </rPh>
    <rPh sb="8" eb="10">
      <t>ネンセイ</t>
    </rPh>
    <rPh sb="10" eb="11">
      <t>オヨ</t>
    </rPh>
    <rPh sb="12" eb="15">
      <t>ホゴシャ</t>
    </rPh>
    <phoneticPr fontId="5"/>
  </si>
  <si>
    <t>新城高等学校　広報グループ</t>
    <rPh sb="7" eb="9">
      <t>コウホウ</t>
    </rPh>
    <phoneticPr fontId="5"/>
  </si>
  <si>
    <t>https://www.pen-kanagawa.ed.jp/shinjo-h/</t>
    <phoneticPr fontId="5"/>
  </si>
  <si>
    <t>悠遊祭</t>
    <rPh sb="0" eb="1">
      <t>ユウ</t>
    </rPh>
    <rPh sb="1" eb="2">
      <t>アソ</t>
    </rPh>
    <rPh sb="2" eb="3">
      <t>マツリ</t>
    </rPh>
    <phoneticPr fontId="5"/>
  </si>
  <si>
    <t>本校の文化祭　
展示、イベント、販売等</t>
    <rPh sb="0" eb="2">
      <t>ホンコウ</t>
    </rPh>
    <rPh sb="3" eb="6">
      <t>ブンカサイ</t>
    </rPh>
    <rPh sb="8" eb="10">
      <t>テンジ</t>
    </rPh>
    <rPh sb="16" eb="18">
      <t>ハンバイ</t>
    </rPh>
    <rPh sb="18" eb="19">
      <t>トウ</t>
    </rPh>
    <phoneticPr fontId="5"/>
  </si>
  <si>
    <t>いずみ中央駅
下飯田駅駅</t>
    <rPh sb="3" eb="6">
      <t>チュウオウエキ</t>
    </rPh>
    <rPh sb="7" eb="11">
      <t>シモイイダエキ</t>
    </rPh>
    <rPh sb="11" eb="12">
      <t>エキ</t>
    </rPh>
    <phoneticPr fontId="5"/>
  </si>
  <si>
    <t>横浜修悠館高等学校
生徒活動支援グループ</t>
    <rPh sb="0" eb="2">
      <t>ヨコハマ</t>
    </rPh>
    <rPh sb="2" eb="3">
      <t>シュウ</t>
    </rPh>
    <rPh sb="3" eb="4">
      <t>ユウ</t>
    </rPh>
    <rPh sb="4" eb="5">
      <t>カン</t>
    </rPh>
    <rPh sb="5" eb="7">
      <t>コウトウ</t>
    </rPh>
    <rPh sb="7" eb="9">
      <t>ガッコウ</t>
    </rPh>
    <rPh sb="10" eb="14">
      <t>セイトカツドウ</t>
    </rPh>
    <rPh sb="14" eb="16">
      <t>シエン</t>
    </rPh>
    <phoneticPr fontId="5"/>
  </si>
  <si>
    <t>本校に関心のある方</t>
    <rPh sb="0" eb="2">
      <t>ホンコウ</t>
    </rPh>
    <rPh sb="3" eb="5">
      <t>カンシン</t>
    </rPh>
    <rPh sb="8" eb="9">
      <t>カタ</t>
    </rPh>
    <phoneticPr fontId="5"/>
  </si>
  <si>
    <t>本校の概要説明
希望者には校内見学、個別相談を行います。</t>
    <rPh sb="0" eb="2">
      <t>ホンコウ</t>
    </rPh>
    <rPh sb="3" eb="7">
      <t>ガイヨウセツメイ</t>
    </rPh>
    <rPh sb="8" eb="11">
      <t>キボウシャ</t>
    </rPh>
    <rPh sb="13" eb="17">
      <t>コウナイケンガク</t>
    </rPh>
    <rPh sb="18" eb="20">
      <t>コベツ</t>
    </rPh>
    <rPh sb="20" eb="22">
      <t>ソウダン</t>
    </rPh>
    <rPh sb="23" eb="24">
      <t>オコナ</t>
    </rPh>
    <phoneticPr fontId="5"/>
  </si>
  <si>
    <t>横浜修悠館高等学校
経営企画広報グループ</t>
    <rPh sb="0" eb="2">
      <t>ヨコハマ</t>
    </rPh>
    <rPh sb="2" eb="3">
      <t>シュウ</t>
    </rPh>
    <rPh sb="3" eb="4">
      <t>ユウ</t>
    </rPh>
    <rPh sb="4" eb="5">
      <t>カン</t>
    </rPh>
    <rPh sb="5" eb="7">
      <t>コウトウ</t>
    </rPh>
    <rPh sb="7" eb="9">
      <t>ガッコウ</t>
    </rPh>
    <rPh sb="10" eb="14">
      <t>ケイエイキカク</t>
    </rPh>
    <rPh sb="14" eb="16">
      <t>コウホウ</t>
    </rPh>
    <phoneticPr fontId="5"/>
  </si>
  <si>
    <t>本校に入学を考えている生徒及び保護者等</t>
    <rPh sb="0" eb="2">
      <t>ホンコウ</t>
    </rPh>
    <rPh sb="3" eb="5">
      <t>ニュウガク</t>
    </rPh>
    <rPh sb="6" eb="7">
      <t>カンガ</t>
    </rPh>
    <rPh sb="11" eb="13">
      <t>セイト</t>
    </rPh>
    <rPh sb="13" eb="14">
      <t>オヨ</t>
    </rPh>
    <rPh sb="15" eb="19">
      <t>ホゴシャトウ</t>
    </rPh>
    <phoneticPr fontId="5"/>
  </si>
  <si>
    <t>横浜市
泉区</t>
    <rPh sb="0" eb="3">
      <t>ヨコハマシ</t>
    </rPh>
    <phoneticPr fontId="5"/>
  </si>
  <si>
    <t>地域貢献デー</t>
    <rPh sb="0" eb="4">
      <t>チイキコウケン</t>
    </rPh>
    <phoneticPr fontId="5"/>
  </si>
  <si>
    <t>本校周辺の清掃活動</t>
    <rPh sb="0" eb="2">
      <t>ホンコウ</t>
    </rPh>
    <rPh sb="2" eb="4">
      <t>シュウヘン</t>
    </rPh>
    <rPh sb="5" eb="9">
      <t>セイソウカツドウ</t>
    </rPh>
    <phoneticPr fontId="5"/>
  </si>
  <si>
    <t>地域貢献の一環として清掃活動に参加していただける方。</t>
    <rPh sb="0" eb="4">
      <t>チイキコウケン</t>
    </rPh>
    <rPh sb="5" eb="7">
      <t>イッカン</t>
    </rPh>
    <rPh sb="10" eb="14">
      <t>セイソウカツドウ</t>
    </rPh>
    <rPh sb="15" eb="17">
      <t>サンカ</t>
    </rPh>
    <rPh sb="24" eb="25">
      <t>カタ</t>
    </rPh>
    <phoneticPr fontId="5"/>
  </si>
  <si>
    <t>学生や生徒が主体となって、展示・音楽・演劇などの文化的な企画や学習成果を発表し、地域住民との交流を深める。</t>
    <rPh sb="0" eb="2">
      <t>ガクセイ</t>
    </rPh>
    <rPh sb="3" eb="5">
      <t>セイト</t>
    </rPh>
    <rPh sb="6" eb="8">
      <t>シュタイ</t>
    </rPh>
    <rPh sb="13" eb="15">
      <t>テンジ</t>
    </rPh>
    <rPh sb="16" eb="18">
      <t>オンガク</t>
    </rPh>
    <rPh sb="19" eb="21">
      <t>エンゲキ</t>
    </rPh>
    <rPh sb="24" eb="27">
      <t>ブンカテキ</t>
    </rPh>
    <rPh sb="28" eb="30">
      <t>キカク</t>
    </rPh>
    <rPh sb="31" eb="35">
      <t>ガクシュウセイカ</t>
    </rPh>
    <rPh sb="36" eb="38">
      <t>ハッピョウ</t>
    </rPh>
    <rPh sb="40" eb="44">
      <t>チイキジュウミン</t>
    </rPh>
    <rPh sb="46" eb="48">
      <t>コウリュウ</t>
    </rPh>
    <rPh sb="49" eb="50">
      <t>フカ</t>
    </rPh>
    <phoneticPr fontId="5"/>
  </si>
  <si>
    <t>横浜栄高等学校</t>
    <rPh sb="0" eb="7">
      <t>ヨコハマサカエコウトウガッコウ</t>
    </rPh>
    <phoneticPr fontId="5"/>
  </si>
  <si>
    <t>横浜栄高等学校
生徒支援グループ</t>
    <rPh sb="0" eb="7">
      <t>ヨコハマサカエコウトウガッコウ</t>
    </rPh>
    <rPh sb="8" eb="12">
      <t>セイトシエン</t>
    </rPh>
    <phoneticPr fontId="5"/>
  </si>
  <si>
    <t>誰でも</t>
    <rPh sb="0" eb="1">
      <t>ダレ</t>
    </rPh>
    <phoneticPr fontId="5"/>
  </si>
  <si>
    <t>体験授業や学校概要の説明会を通して、本校の魅力や特色を知る。また、施設見学をし、受検生が三年間の学校生活のイメージ作りができるよう促す。</t>
  </si>
  <si>
    <t>横浜栄高等学校
連携渉外グループ</t>
    <rPh sb="0" eb="7">
      <t>ヨコハマサカエコウトウガッコウ</t>
    </rPh>
    <rPh sb="8" eb="12">
      <t>レンケイショウガイ</t>
    </rPh>
    <phoneticPr fontId="5"/>
  </si>
  <si>
    <t>緑園祭</t>
    <rPh sb="0" eb="3">
      <t>リョクエンサイ</t>
    </rPh>
    <phoneticPr fontId="5"/>
  </si>
  <si>
    <t>生徒の自主性・協調性・創造性を養う機会とします。また、文化部を中心とした部活動の発表、共同作業によるクラスの集団作り、日頃の学習活動の成果を発表する場とします。</t>
    <rPh sb="0" eb="2">
      <t>セイト</t>
    </rPh>
    <rPh sb="3" eb="6">
      <t>ジシュセイ</t>
    </rPh>
    <rPh sb="7" eb="10">
      <t>キョウチョウセイ</t>
    </rPh>
    <rPh sb="11" eb="14">
      <t>ソウゾウセイ</t>
    </rPh>
    <rPh sb="15" eb="16">
      <t>ヤシナ</t>
    </rPh>
    <rPh sb="17" eb="19">
      <t>キカイ</t>
    </rPh>
    <rPh sb="27" eb="30">
      <t>ブンカブ</t>
    </rPh>
    <rPh sb="31" eb="33">
      <t>チュウシン</t>
    </rPh>
    <rPh sb="36" eb="39">
      <t>ブカツドウ</t>
    </rPh>
    <rPh sb="40" eb="42">
      <t>ハッピョウ</t>
    </rPh>
    <rPh sb="43" eb="45">
      <t>キョウドウ</t>
    </rPh>
    <rPh sb="45" eb="47">
      <t>サギョウ</t>
    </rPh>
    <rPh sb="54" eb="56">
      <t>シュウダン</t>
    </rPh>
    <rPh sb="56" eb="57">
      <t>ヅク</t>
    </rPh>
    <rPh sb="59" eb="61">
      <t>ヒゴロ</t>
    </rPh>
    <rPh sb="62" eb="66">
      <t>ガクシュウカツドウ</t>
    </rPh>
    <rPh sb="67" eb="69">
      <t>セイカ</t>
    </rPh>
    <rPh sb="70" eb="72">
      <t>ハッピョウ</t>
    </rPh>
    <rPh sb="74" eb="75">
      <t>バ</t>
    </rPh>
    <phoneticPr fontId="5"/>
  </si>
  <si>
    <t>横浜緑園高等学校</t>
    <rPh sb="0" eb="2">
      <t>ヨコハマ</t>
    </rPh>
    <rPh sb="2" eb="4">
      <t>リョクエン</t>
    </rPh>
    <rPh sb="4" eb="6">
      <t>コウトウ</t>
    </rPh>
    <rPh sb="6" eb="8">
      <t>ガッコウ</t>
    </rPh>
    <phoneticPr fontId="5"/>
  </si>
  <si>
    <t>緑園都市駅</t>
    <rPh sb="0" eb="4">
      <t>リョクエントシ</t>
    </rPh>
    <rPh sb="4" eb="5">
      <t>エキ</t>
    </rPh>
    <phoneticPr fontId="5"/>
  </si>
  <si>
    <t>横浜緑園高等学校に関心のある人</t>
    <rPh sb="0" eb="8">
      <t>ヨコハマリョクエンコウトウガッコウ</t>
    </rPh>
    <rPh sb="9" eb="11">
      <t>カンシン</t>
    </rPh>
    <rPh sb="14" eb="15">
      <t>ヒト</t>
    </rPh>
    <phoneticPr fontId="5"/>
  </si>
  <si>
    <t>横浜緑園高等学校
生徒活動推進グループ</t>
    <rPh sb="9" eb="13">
      <t>セイトカツドウ</t>
    </rPh>
    <rPh sb="13" eb="15">
      <t>スイシン</t>
    </rPh>
    <phoneticPr fontId="5"/>
  </si>
  <si>
    <t>https://www.pen-kanagawa.ed.jp/y-ryokuen-h/index.html</t>
  </si>
  <si>
    <t>本校を進学希望先の１つとして視野に据えようとしている中学生とその保護者に対して、説明会、校内見学、部活動見学を通して、単位制普通科である本校の特色、入試、生徒活動などへの理解を深めてもらいます。</t>
  </si>
  <si>
    <t>横浜緑園高等学校に関心のある中学３年生及びその保護者</t>
    <rPh sb="0" eb="8">
      <t>ヨコハマリョクエンコウトウガッコウ</t>
    </rPh>
    <rPh sb="9" eb="11">
      <t>カンシン</t>
    </rPh>
    <rPh sb="14" eb="16">
      <t>チュウガク</t>
    </rPh>
    <rPh sb="17" eb="19">
      <t>ネンセイ</t>
    </rPh>
    <rPh sb="19" eb="20">
      <t>オヨ</t>
    </rPh>
    <rPh sb="23" eb="26">
      <t>ホゴシャ</t>
    </rPh>
    <phoneticPr fontId="5"/>
  </si>
  <si>
    <t>横浜緑園高等学校
広報・授業研究グループ</t>
    <rPh sb="9" eb="11">
      <t>コウホウ</t>
    </rPh>
    <rPh sb="12" eb="14">
      <t>ジュギョウ</t>
    </rPh>
    <rPh sb="14" eb="16">
      <t>ケンキュウ</t>
    </rPh>
    <phoneticPr fontId="5"/>
  </si>
  <si>
    <t>海洋祭</t>
    <rPh sb="0" eb="3">
      <t>カイヨウサイ</t>
    </rPh>
    <phoneticPr fontId="5"/>
  </si>
  <si>
    <t>海洋科学高等学校の各学科の学びや、部活動の成果などを盛り込んだ、水産科専門高校の特色が感じられる文化祭です。</t>
    <rPh sb="0" eb="8">
      <t>カイヨウカガクコウトウガッコウ</t>
    </rPh>
    <rPh sb="9" eb="12">
      <t>カクガッカ</t>
    </rPh>
    <rPh sb="17" eb="20">
      <t>ブカツドウ</t>
    </rPh>
    <rPh sb="21" eb="23">
      <t>セイカ</t>
    </rPh>
    <rPh sb="26" eb="27">
      <t>モ</t>
    </rPh>
    <rPh sb="28" eb="29">
      <t>コ</t>
    </rPh>
    <rPh sb="32" eb="39">
      <t>スイサンカセンモンコウコウ</t>
    </rPh>
    <rPh sb="40" eb="42">
      <t>トクショク</t>
    </rPh>
    <rPh sb="43" eb="44">
      <t>カン</t>
    </rPh>
    <rPh sb="48" eb="51">
      <t>ブンカサイ</t>
    </rPh>
    <phoneticPr fontId="5"/>
  </si>
  <si>
    <t>海洋科学高等学校（本校）</t>
    <rPh sb="0" eb="8">
      <t>カイヨウカガクコウトウガッコウ</t>
    </rPh>
    <rPh sb="9" eb="11">
      <t>ホンコウ</t>
    </rPh>
    <phoneticPr fontId="5"/>
  </si>
  <si>
    <t>JR逗子駅または横須賀中央駅または三崎口駅よりバスにて横須賀市民病院下車徒歩2分</t>
    <rPh sb="2" eb="4">
      <t>ズシ</t>
    </rPh>
    <rPh sb="4" eb="5">
      <t>エキ</t>
    </rPh>
    <rPh sb="8" eb="13">
      <t>ヨコスカチュウオウ</t>
    </rPh>
    <rPh sb="13" eb="14">
      <t>エキ</t>
    </rPh>
    <rPh sb="17" eb="21">
      <t>ミサキグチエキ</t>
    </rPh>
    <rPh sb="27" eb="34">
      <t>ヨコスカシミンビョウイン</t>
    </rPh>
    <rPh sb="34" eb="36">
      <t>ゲシャ</t>
    </rPh>
    <rPh sb="36" eb="38">
      <t>トホ</t>
    </rPh>
    <rPh sb="39" eb="40">
      <t>フン</t>
    </rPh>
    <phoneticPr fontId="5"/>
  </si>
  <si>
    <t>海洋科学高等学校</t>
    <rPh sb="0" eb="8">
      <t>カイヨウカガクコウトウガッコウ</t>
    </rPh>
    <phoneticPr fontId="5"/>
  </si>
  <si>
    <t>海洋科学高等学校
広報地域連携グループ</t>
    <rPh sb="0" eb="8">
      <t>カイヨウカガクコウトウガッコウ</t>
    </rPh>
    <rPh sb="9" eb="15">
      <t>コウホウチイキレンケイ</t>
    </rPh>
    <phoneticPr fontId="5"/>
  </si>
  <si>
    <t>第2回学校説明会</t>
    <rPh sb="0" eb="1">
      <t>ダイ</t>
    </rPh>
    <rPh sb="2" eb="3">
      <t>カイ</t>
    </rPh>
    <rPh sb="3" eb="8">
      <t>ガッコウセツメイカイ</t>
    </rPh>
    <phoneticPr fontId="5"/>
  </si>
  <si>
    <t>主に中学生とその保護者を対象に、海洋科学高等学校の特色を説明します。
（学校概要説明・学科での取組紹介・校内施設見学・個別相談など）</t>
    <rPh sb="0" eb="1">
      <t>オモ</t>
    </rPh>
    <rPh sb="2" eb="5">
      <t>チュウガクセイ</t>
    </rPh>
    <rPh sb="8" eb="11">
      <t>ホゴシャ</t>
    </rPh>
    <rPh sb="12" eb="14">
      <t>タイショウ</t>
    </rPh>
    <rPh sb="16" eb="24">
      <t>カイヨウカガクコウトウガッコウ</t>
    </rPh>
    <rPh sb="25" eb="27">
      <t>トクショク</t>
    </rPh>
    <rPh sb="28" eb="30">
      <t>セツメイ</t>
    </rPh>
    <rPh sb="36" eb="42">
      <t>ガッコウガイヨウセツメイ</t>
    </rPh>
    <rPh sb="43" eb="45">
      <t>ガッカ</t>
    </rPh>
    <rPh sb="47" eb="51">
      <t>トリクミショウカイ</t>
    </rPh>
    <rPh sb="52" eb="58">
      <t>コウナイシセツケンガク</t>
    </rPh>
    <rPh sb="59" eb="63">
      <t>コベツソウダン</t>
    </rPh>
    <phoneticPr fontId="5"/>
  </si>
  <si>
    <t>主に中学生とその保護者</t>
    <rPh sb="0" eb="1">
      <t>オモ</t>
    </rPh>
    <rPh sb="2" eb="5">
      <t>チュウガクセイ</t>
    </rPh>
    <rPh sb="8" eb="11">
      <t>ホゴシャ</t>
    </rPh>
    <phoneticPr fontId="5"/>
  </si>
  <si>
    <t>青葉総合高校（仮）
第２回学校説明会</t>
    <rPh sb="0" eb="2">
      <t>アオバ</t>
    </rPh>
    <rPh sb="2" eb="6">
      <t>ソウゴウコウコウ</t>
    </rPh>
    <rPh sb="7" eb="8">
      <t>カリ</t>
    </rPh>
    <rPh sb="10" eb="11">
      <t>ダイ</t>
    </rPh>
    <rPh sb="12" eb="13">
      <t>カイ</t>
    </rPh>
    <rPh sb="13" eb="18">
      <t>ガッコウセツメイカイ</t>
    </rPh>
    <phoneticPr fontId="5"/>
  </si>
  <si>
    <t>令和８年度から新設される
青葉総合高校（仮）の学校説明会です。</t>
    <rPh sb="0" eb="2">
      <t>レイワ</t>
    </rPh>
    <rPh sb="3" eb="5">
      <t>ネンド</t>
    </rPh>
    <rPh sb="7" eb="9">
      <t>シンセツ</t>
    </rPh>
    <rPh sb="13" eb="15">
      <t>アオバ</t>
    </rPh>
    <rPh sb="15" eb="19">
      <t>ソウゴウコウコウ</t>
    </rPh>
    <rPh sb="20" eb="21">
      <t>カリ</t>
    </rPh>
    <rPh sb="23" eb="28">
      <t>ガッコウセツメイカイ</t>
    </rPh>
    <phoneticPr fontId="5"/>
  </si>
  <si>
    <t>東急田園都市線　青葉台駅</t>
    <rPh sb="0" eb="7">
      <t>トウキュウデンエントシセン</t>
    </rPh>
    <rPh sb="8" eb="12">
      <t>アオバダイエキ</t>
    </rPh>
    <phoneticPr fontId="5"/>
  </si>
  <si>
    <t>青葉総合高校（仮）に興味がある中学生及び保護者</t>
    <rPh sb="0" eb="6">
      <t>アオバソウゴウコウコウ</t>
    </rPh>
    <rPh sb="7" eb="8">
      <t>カリ</t>
    </rPh>
    <rPh sb="10" eb="12">
      <t>キョウミ</t>
    </rPh>
    <rPh sb="15" eb="18">
      <t>チュウガクセイ</t>
    </rPh>
    <rPh sb="18" eb="19">
      <t>オヨ</t>
    </rPh>
    <rPh sb="20" eb="23">
      <t>ホゴシャ</t>
    </rPh>
    <phoneticPr fontId="5"/>
  </si>
  <si>
    <t>田奈高校
総務企画グループ</t>
    <rPh sb="0" eb="4">
      <t>タナコウコウ</t>
    </rPh>
    <rPh sb="5" eb="9">
      <t>ソウムキカク</t>
    </rPh>
    <phoneticPr fontId="5"/>
  </si>
  <si>
    <t>https://www.pen-kanagawa.ed.jp/tana-h/nyugaku/2024/setsumeikai2024.html</t>
    <phoneticPr fontId="5"/>
  </si>
  <si>
    <t>青葉総合高校（仮）
第３回学校説明会</t>
    <rPh sb="0" eb="2">
      <t>アオバ</t>
    </rPh>
    <rPh sb="2" eb="6">
      <t>ソウゴウコウコウ</t>
    </rPh>
    <rPh sb="7" eb="8">
      <t>カリ</t>
    </rPh>
    <rPh sb="10" eb="11">
      <t>ダイ</t>
    </rPh>
    <rPh sb="12" eb="13">
      <t>カイ</t>
    </rPh>
    <rPh sb="13" eb="18">
      <t>ガッコウセツメイカイ</t>
    </rPh>
    <phoneticPr fontId="5"/>
  </si>
  <si>
    <t>オープンスクール</t>
  </si>
  <si>
    <t>中学校や保護者のみなさんが、体験授業・部活動体験をとおして高等学校での学びを体感できます。また同時に本校の多彩な教育活動への理解を深めてもらえたらと思います。</t>
    <phoneticPr fontId="5"/>
  </si>
  <si>
    <t>相模原弥栄高等学校</t>
    <rPh sb="0" eb="5">
      <t>サガミハラヤエイ</t>
    </rPh>
    <rPh sb="5" eb="9">
      <t>コウトウガッコウ</t>
    </rPh>
    <phoneticPr fontId="5"/>
  </si>
  <si>
    <t>JR横浜線淵野辺駅</t>
    <rPh sb="2" eb="5">
      <t>ヨコハマセン</t>
    </rPh>
    <rPh sb="5" eb="8">
      <t>フチノベ</t>
    </rPh>
    <rPh sb="8" eb="9">
      <t>エキ</t>
    </rPh>
    <phoneticPr fontId="5"/>
  </si>
  <si>
    <t>https://www.pen-kanagawa.ed.jp/sagamiharayaei-h/nyugaku/index.html</t>
    <phoneticPr fontId="5"/>
  </si>
  <si>
    <t>授業見学会</t>
    <rPh sb="0" eb="2">
      <t>ジュギョウ</t>
    </rPh>
    <rPh sb="2" eb="5">
      <t>ケンガクカイ</t>
    </rPh>
    <phoneticPr fontId="5"/>
  </si>
  <si>
    <t>週休日に通常授業を行い、校内を開放し、自由に授業を見学してもらい、工業高校の魅力や、実態について理解を深めていただく。</t>
    <rPh sb="0" eb="3">
      <t>シュウキュウビ</t>
    </rPh>
    <rPh sb="4" eb="6">
      <t>ツウジョウ</t>
    </rPh>
    <rPh sb="6" eb="8">
      <t>ジュギョウ</t>
    </rPh>
    <rPh sb="9" eb="10">
      <t>オコナ</t>
    </rPh>
    <rPh sb="12" eb="14">
      <t>コウナイ</t>
    </rPh>
    <rPh sb="15" eb="17">
      <t>カイホウ</t>
    </rPh>
    <rPh sb="19" eb="21">
      <t>ジユウ</t>
    </rPh>
    <rPh sb="22" eb="24">
      <t>ジュギョウ</t>
    </rPh>
    <rPh sb="25" eb="27">
      <t>ケンガク</t>
    </rPh>
    <rPh sb="33" eb="35">
      <t>コウギョウ</t>
    </rPh>
    <rPh sb="35" eb="37">
      <t>コウコウ</t>
    </rPh>
    <rPh sb="38" eb="40">
      <t>ミリョク</t>
    </rPh>
    <rPh sb="42" eb="44">
      <t>ジッタイ</t>
    </rPh>
    <rPh sb="48" eb="50">
      <t>リカイ</t>
    </rPh>
    <rPh sb="51" eb="52">
      <t>フカ</t>
    </rPh>
    <phoneticPr fontId="5"/>
  </si>
  <si>
    <t>屛風浦駅</t>
    <rPh sb="0" eb="3">
      <t>ビョウブガウラ</t>
    </rPh>
    <rPh sb="3" eb="4">
      <t>エキ</t>
    </rPh>
    <phoneticPr fontId="5"/>
  </si>
  <si>
    <t>磯子工業高等学校</t>
    <rPh sb="0" eb="2">
      <t>イソゴ</t>
    </rPh>
    <rPh sb="2" eb="4">
      <t>コウギョウ</t>
    </rPh>
    <rPh sb="4" eb="8">
      <t>コウトウガッコウ</t>
    </rPh>
    <phoneticPr fontId="5"/>
  </si>
  <si>
    <t>在校生（その保護者）
中学生（その保護者）</t>
    <rPh sb="0" eb="3">
      <t>ザイコウセイ</t>
    </rPh>
    <rPh sb="6" eb="9">
      <t>ホゴシャ</t>
    </rPh>
    <rPh sb="11" eb="14">
      <t>チュウガクセイ</t>
    </rPh>
    <rPh sb="17" eb="20">
      <t>ホゴシャ</t>
    </rPh>
    <phoneticPr fontId="5"/>
  </si>
  <si>
    <t>https://www.pen-kanagawa.ed.jp/isogo-th/zennichi/index.html</t>
    <phoneticPr fontId="5"/>
  </si>
  <si>
    <t>一日体験入学</t>
    <rPh sb="0" eb="2">
      <t>イチニチ</t>
    </rPh>
    <rPh sb="2" eb="4">
      <t>タイケン</t>
    </rPh>
    <rPh sb="4" eb="6">
      <t>ニュウガク</t>
    </rPh>
    <phoneticPr fontId="5"/>
  </si>
  <si>
    <t>本校入学を考えている中学生に対し、実際に授業体験をしてもらい、本校の魅力を知ってもらうと共に理解を深めめていただく。</t>
    <rPh sb="0" eb="2">
      <t>ホンコウ</t>
    </rPh>
    <rPh sb="2" eb="4">
      <t>ニュウガク</t>
    </rPh>
    <rPh sb="5" eb="6">
      <t>カンガ</t>
    </rPh>
    <rPh sb="10" eb="13">
      <t>チュウガクセイ</t>
    </rPh>
    <rPh sb="14" eb="15">
      <t>タイ</t>
    </rPh>
    <rPh sb="17" eb="19">
      <t>ジッサイ</t>
    </rPh>
    <rPh sb="20" eb="22">
      <t>ジュギョウ</t>
    </rPh>
    <rPh sb="22" eb="24">
      <t>タイケン</t>
    </rPh>
    <rPh sb="31" eb="33">
      <t>ホンコウ</t>
    </rPh>
    <rPh sb="34" eb="36">
      <t>ミリョク</t>
    </rPh>
    <rPh sb="37" eb="38">
      <t>シ</t>
    </rPh>
    <rPh sb="44" eb="45">
      <t>トモ</t>
    </rPh>
    <rPh sb="46" eb="48">
      <t>リカイ</t>
    </rPh>
    <rPh sb="49" eb="50">
      <t>フカ</t>
    </rPh>
    <phoneticPr fontId="5"/>
  </si>
  <si>
    <t>中学生（その保護者）</t>
    <rPh sb="0" eb="3">
      <t>チュウガクセイ</t>
    </rPh>
    <rPh sb="6" eb="9">
      <t>ホゴシャ</t>
    </rPh>
    <phoneticPr fontId="5"/>
  </si>
  <si>
    <t>磯工祭</t>
    <rPh sb="0" eb="2">
      <t>イソコウ</t>
    </rPh>
    <rPh sb="2" eb="3">
      <t>サイ</t>
    </rPh>
    <phoneticPr fontId="5"/>
  </si>
  <si>
    <t>今年も磯工祭（文化祭）を次の通り開催し、一般公開いたします(事前申込は不要です)。
今年度のテーマは「～伝統の継承～磯工祭しか勝たん！」とし、これまでの伝統を引き継ぎながらも、新たな時代に向かうエネルギーを加え、磯工生が取り組みます。
ぜひご来場下さい。</t>
    <phoneticPr fontId="5"/>
  </si>
  <si>
    <t>なし</t>
    <phoneticPr fontId="5"/>
  </si>
  <si>
    <t>第２回未来共創体験ラボ</t>
    <rPh sb="0" eb="1">
      <t>ダイ</t>
    </rPh>
    <rPh sb="2" eb="3">
      <t>カイ</t>
    </rPh>
    <rPh sb="3" eb="7">
      <t>ミライキョウソウ</t>
    </rPh>
    <rPh sb="7" eb="9">
      <t>タイケン</t>
    </rPh>
    <phoneticPr fontId="5"/>
  </si>
  <si>
    <t>横浜瀬谷高等学校の生徒有志団体「未来共創ラボ」が、中学生向けに探究活動のワークショップと学校説明を行います。</t>
    <rPh sb="0" eb="8">
      <t>ヨコハマセヤコウトウガッコウ</t>
    </rPh>
    <rPh sb="9" eb="11">
      <t>セイト</t>
    </rPh>
    <rPh sb="11" eb="15">
      <t>ユウシダンタイ</t>
    </rPh>
    <rPh sb="16" eb="18">
      <t>ミライ</t>
    </rPh>
    <rPh sb="18" eb="20">
      <t>キョウソウ</t>
    </rPh>
    <rPh sb="25" eb="29">
      <t>チュウガクセイム</t>
    </rPh>
    <rPh sb="31" eb="35">
      <t>タンキュウカツドウ</t>
    </rPh>
    <rPh sb="44" eb="48">
      <t>ガッコウセツメイ</t>
    </rPh>
    <rPh sb="49" eb="50">
      <t>オコナ</t>
    </rPh>
    <phoneticPr fontId="5"/>
  </si>
  <si>
    <t>三ツ境駅</t>
    <rPh sb="0" eb="1">
      <t>ミ</t>
    </rPh>
    <rPh sb="2" eb="4">
      <t>キョウエキ</t>
    </rPh>
    <phoneticPr fontId="5"/>
  </si>
  <si>
    <t>中学生</t>
    <rPh sb="0" eb="3">
      <t>チュウガクセイ</t>
    </rPh>
    <phoneticPr fontId="5"/>
  </si>
  <si>
    <t>https://www.pen-kanagawa.ed.jp/yokohamaseya-h/</t>
    <phoneticPr fontId="5"/>
  </si>
  <si>
    <t>横浜瀬谷高等学校の魅力や特色に関する学校説明を行います。</t>
    <rPh sb="0" eb="8">
      <t>ヨコハマセヤコウトウガッコウ</t>
    </rPh>
    <rPh sb="9" eb="11">
      <t>ミリョク</t>
    </rPh>
    <rPh sb="12" eb="14">
      <t>トクショク</t>
    </rPh>
    <rPh sb="15" eb="16">
      <t>カン</t>
    </rPh>
    <rPh sb="18" eb="22">
      <t>ガッコウセツメイ</t>
    </rPh>
    <rPh sb="23" eb="24">
      <t>オコナ</t>
    </rPh>
    <phoneticPr fontId="5"/>
  </si>
  <si>
    <t>中学生・保護者</t>
    <rPh sb="0" eb="3">
      <t>チュウガクセイ</t>
    </rPh>
    <rPh sb="4" eb="7">
      <t>ホゴシャ</t>
    </rPh>
    <phoneticPr fontId="5"/>
  </si>
  <si>
    <t>第３回未来共創体験ラボ</t>
    <rPh sb="0" eb="1">
      <t>ダイ</t>
    </rPh>
    <rPh sb="2" eb="3">
      <t>カイ</t>
    </rPh>
    <rPh sb="3" eb="7">
      <t>ミライキョウソウ</t>
    </rPh>
    <rPh sb="7" eb="9">
      <t>タイケン</t>
    </rPh>
    <phoneticPr fontId="5"/>
  </si>
  <si>
    <t>第２回学校説明会　中学生向け授業・部活動公開</t>
    <rPh sb="0" eb="1">
      <t>ダイ</t>
    </rPh>
    <rPh sb="2" eb="3">
      <t>カイ</t>
    </rPh>
    <rPh sb="3" eb="5">
      <t>ガッコウ</t>
    </rPh>
    <rPh sb="5" eb="8">
      <t>セツメイカイ</t>
    </rPh>
    <rPh sb="9" eb="12">
      <t>チュウガクセイ</t>
    </rPh>
    <rPh sb="12" eb="13">
      <t>ム</t>
    </rPh>
    <rPh sb="14" eb="16">
      <t>ジュギョウ</t>
    </rPh>
    <rPh sb="17" eb="20">
      <t>ブカツドウ</t>
    </rPh>
    <rPh sb="20" eb="22">
      <t>コウカイ</t>
    </rPh>
    <phoneticPr fontId="5"/>
  </si>
  <si>
    <t>本校の教育活動の説明及び本校生徒による学校生活の紹介を行います。また、授業・部活動の公開も行います。</t>
    <rPh sb="0" eb="2">
      <t>ホンコウ</t>
    </rPh>
    <rPh sb="3" eb="5">
      <t>キョウイク</t>
    </rPh>
    <rPh sb="5" eb="7">
      <t>カツドウ</t>
    </rPh>
    <rPh sb="8" eb="10">
      <t>セツメイ</t>
    </rPh>
    <rPh sb="10" eb="11">
      <t>オヨ</t>
    </rPh>
    <rPh sb="12" eb="14">
      <t>ホンコウ</t>
    </rPh>
    <rPh sb="14" eb="16">
      <t>セイト</t>
    </rPh>
    <rPh sb="19" eb="21">
      <t>ガッコウ</t>
    </rPh>
    <rPh sb="21" eb="23">
      <t>セイカツ</t>
    </rPh>
    <rPh sb="24" eb="26">
      <t>ショウカイ</t>
    </rPh>
    <rPh sb="27" eb="28">
      <t>オコナ</t>
    </rPh>
    <rPh sb="35" eb="37">
      <t>ジュギョウ</t>
    </rPh>
    <rPh sb="38" eb="41">
      <t>ブカツドウ</t>
    </rPh>
    <rPh sb="42" eb="44">
      <t>コウカイ</t>
    </rPh>
    <rPh sb="45" eb="46">
      <t>オコナ</t>
    </rPh>
    <phoneticPr fontId="5"/>
  </si>
  <si>
    <t>秦野高等学校</t>
    <rPh sb="0" eb="2">
      <t>ハダノ</t>
    </rPh>
    <rPh sb="2" eb="4">
      <t>コウトウ</t>
    </rPh>
    <rPh sb="4" eb="6">
      <t>ガッコウ</t>
    </rPh>
    <phoneticPr fontId="5"/>
  </si>
  <si>
    <t>東海大学前駅</t>
    <rPh sb="0" eb="2">
      <t>トウカイ</t>
    </rPh>
    <rPh sb="2" eb="4">
      <t>ダイガク</t>
    </rPh>
    <rPh sb="4" eb="5">
      <t>マエ</t>
    </rPh>
    <rPh sb="5" eb="6">
      <t>エキ</t>
    </rPh>
    <phoneticPr fontId="5"/>
  </si>
  <si>
    <t>本校に入学希望の中学生及び保護者</t>
    <rPh sb="0" eb="2">
      <t>ホンコウ</t>
    </rPh>
    <rPh sb="3" eb="5">
      <t>ニュウガク</t>
    </rPh>
    <rPh sb="5" eb="7">
      <t>キボウ</t>
    </rPh>
    <rPh sb="8" eb="11">
      <t>チュウガクセイ</t>
    </rPh>
    <rPh sb="11" eb="12">
      <t>オヨ</t>
    </rPh>
    <rPh sb="13" eb="16">
      <t>ホゴシャ</t>
    </rPh>
    <phoneticPr fontId="5"/>
  </si>
  <si>
    <t>秦野高校研究開発グループ</t>
    <rPh sb="0" eb="2">
      <t>ハダノ</t>
    </rPh>
    <rPh sb="2" eb="4">
      <t>コウコウ</t>
    </rPh>
    <rPh sb="4" eb="6">
      <t>ケンキュウ</t>
    </rPh>
    <rPh sb="6" eb="8">
      <t>カイハツ</t>
    </rPh>
    <phoneticPr fontId="5"/>
  </si>
  <si>
    <t>https://www.pen-kanagawa.ed.jp/hadano-h/</t>
    <phoneticPr fontId="5"/>
  </si>
  <si>
    <t>令和７年度入学希望者対象の第２回学校説明会です。</t>
    <phoneticPr fontId="5"/>
  </si>
  <si>
    <t>戸塚駅</t>
  </si>
  <si>
    <t>入学希望者　　　　　　保護者</t>
    <phoneticPr fontId="5"/>
  </si>
  <si>
    <t>https://www.pen-kanagawa.ed.jp/maioka-h/nyugaku/index.html</t>
  </si>
  <si>
    <t>公開授業・部活動体験</t>
    <rPh sb="0" eb="2">
      <t>コウカイ</t>
    </rPh>
    <rPh sb="2" eb="4">
      <t>ジュギョウ</t>
    </rPh>
    <rPh sb="5" eb="10">
      <t>ブカツドウタイケン</t>
    </rPh>
    <phoneticPr fontId="5"/>
  </si>
  <si>
    <t>中学生及び保護者を対象に、授業公開を、また中学生対象に部活動体験をとおして本校について理解していただきます。</t>
    <rPh sb="0" eb="3">
      <t>チュウガクセイ</t>
    </rPh>
    <rPh sb="3" eb="4">
      <t>オヨ</t>
    </rPh>
    <rPh sb="5" eb="8">
      <t>ホゴシャ</t>
    </rPh>
    <rPh sb="9" eb="11">
      <t>タイショウ</t>
    </rPh>
    <rPh sb="13" eb="15">
      <t>ジュギョウ</t>
    </rPh>
    <rPh sb="15" eb="17">
      <t>コウカイ</t>
    </rPh>
    <rPh sb="21" eb="24">
      <t>チュウガクセイ</t>
    </rPh>
    <rPh sb="24" eb="26">
      <t>タイショウ</t>
    </rPh>
    <rPh sb="27" eb="30">
      <t>ブカツドウ</t>
    </rPh>
    <rPh sb="30" eb="32">
      <t>タイケン</t>
    </rPh>
    <rPh sb="37" eb="39">
      <t>ホンコウ</t>
    </rPh>
    <rPh sb="43" eb="45">
      <t>リカイ</t>
    </rPh>
    <phoneticPr fontId="5"/>
  </si>
  <si>
    <t>西湘高等学校</t>
    <rPh sb="0" eb="6">
      <t>セイショウコウトウガッコウ</t>
    </rPh>
    <phoneticPr fontId="5"/>
  </si>
  <si>
    <t>鴨宮駅</t>
    <rPh sb="0" eb="3">
      <t>カモノミヤエキ</t>
    </rPh>
    <phoneticPr fontId="5"/>
  </si>
  <si>
    <t>①中学生・保護者
②中学生</t>
    <rPh sb="1" eb="4">
      <t>チュウガクセイ</t>
    </rPh>
    <rPh sb="5" eb="8">
      <t>ホゴシャ</t>
    </rPh>
    <rPh sb="11" eb="14">
      <t>チュウガクセイ</t>
    </rPh>
    <phoneticPr fontId="5"/>
  </si>
  <si>
    <t>①公開授業　不要
②部活動体験　要</t>
    <rPh sb="6" eb="8">
      <t>フヨウ</t>
    </rPh>
    <rPh sb="17" eb="18">
      <t>ヨウ</t>
    </rPh>
    <phoneticPr fontId="5"/>
  </si>
  <si>
    <t>個別相談会・施設見学</t>
    <rPh sb="0" eb="5">
      <t>コベツソウダンカイ</t>
    </rPh>
    <rPh sb="6" eb="10">
      <t>シセツケンガク</t>
    </rPh>
    <phoneticPr fontId="5"/>
  </si>
  <si>
    <t>②教育（学校教育）</t>
    <phoneticPr fontId="5"/>
  </si>
  <si>
    <t>中学生及び保護者を対象に、個別相談及び施設見学を実施します。</t>
    <rPh sb="13" eb="15">
      <t>コベツ</t>
    </rPh>
    <rPh sb="15" eb="17">
      <t>ソウダン</t>
    </rPh>
    <rPh sb="17" eb="18">
      <t>オヨ</t>
    </rPh>
    <rPh sb="19" eb="21">
      <t>シセツ</t>
    </rPh>
    <rPh sb="21" eb="23">
      <t>ケンガク</t>
    </rPh>
    <rPh sb="24" eb="26">
      <t>ジッシ</t>
    </rPh>
    <phoneticPr fontId="5"/>
  </si>
  <si>
    <t>中学生・保護者</t>
    <phoneticPr fontId="5"/>
  </si>
  <si>
    <t>川崎市
麻生区</t>
    <rPh sb="0" eb="3">
      <t>カワサキシ</t>
    </rPh>
    <phoneticPr fontId="5"/>
  </si>
  <si>
    <t>きてみてであうあさお週間</t>
    <rPh sb="10" eb="12">
      <t>シュウカン</t>
    </rPh>
    <phoneticPr fontId="5"/>
  </si>
  <si>
    <t>本校の教育活動を保護者や地域へ公開することをとおして、本校を身近に感じる機会とし、地域社会との連携を推進していきます。</t>
    <rPh sb="0" eb="2">
      <t>ホンコウ</t>
    </rPh>
    <rPh sb="3" eb="7">
      <t>キョウイクカツドウ</t>
    </rPh>
    <rPh sb="8" eb="11">
      <t>ホゴシャ</t>
    </rPh>
    <rPh sb="12" eb="14">
      <t>チイキ</t>
    </rPh>
    <rPh sb="15" eb="17">
      <t>コウカイ</t>
    </rPh>
    <rPh sb="27" eb="29">
      <t>ホンコウ</t>
    </rPh>
    <rPh sb="30" eb="32">
      <t>ミジカ</t>
    </rPh>
    <rPh sb="33" eb="34">
      <t>カン</t>
    </rPh>
    <rPh sb="36" eb="38">
      <t>キカイ</t>
    </rPh>
    <rPh sb="41" eb="45">
      <t>チイキシャカイ</t>
    </rPh>
    <rPh sb="47" eb="49">
      <t>レンケイ</t>
    </rPh>
    <rPh sb="50" eb="52">
      <t>スイシン</t>
    </rPh>
    <phoneticPr fontId="5"/>
  </si>
  <si>
    <t>柿生駅
あざみ野駅</t>
    <rPh sb="0" eb="2">
      <t>カキオ</t>
    </rPh>
    <rPh sb="2" eb="3">
      <t>エキ</t>
    </rPh>
    <rPh sb="7" eb="8">
      <t>ノ</t>
    </rPh>
    <rPh sb="8" eb="9">
      <t>エキ</t>
    </rPh>
    <phoneticPr fontId="5"/>
  </si>
  <si>
    <t>・令和９年度入学検討の児童生徒とその保護者
・近隣の保育所、幼稚園、小中学校、高等学校および特別支援学校の教職員と保護者
・関係機関職員
・地域の方
・本校在籍の保護者</t>
    <rPh sb="1" eb="3">
      <t>レイワ</t>
    </rPh>
    <rPh sb="4" eb="6">
      <t>ネンド</t>
    </rPh>
    <rPh sb="6" eb="8">
      <t>ニュウガク</t>
    </rPh>
    <rPh sb="8" eb="10">
      <t>ケントウ</t>
    </rPh>
    <rPh sb="11" eb="13">
      <t>ジドウ</t>
    </rPh>
    <rPh sb="13" eb="15">
      <t>セイト</t>
    </rPh>
    <rPh sb="18" eb="21">
      <t>ホゴシャ</t>
    </rPh>
    <rPh sb="23" eb="25">
      <t>キンリン</t>
    </rPh>
    <rPh sb="26" eb="29">
      <t>ホイクショ</t>
    </rPh>
    <rPh sb="30" eb="33">
      <t>ヨウチエン</t>
    </rPh>
    <rPh sb="34" eb="35">
      <t>ショウ</t>
    </rPh>
    <rPh sb="35" eb="36">
      <t>チュウ</t>
    </rPh>
    <rPh sb="36" eb="38">
      <t>ガッコウ</t>
    </rPh>
    <rPh sb="39" eb="43">
      <t>コウトウガッコウ</t>
    </rPh>
    <rPh sb="46" eb="50">
      <t>トクベツシエン</t>
    </rPh>
    <rPh sb="50" eb="52">
      <t>ガッコウ</t>
    </rPh>
    <rPh sb="53" eb="56">
      <t>キョウショクイン</t>
    </rPh>
    <rPh sb="57" eb="60">
      <t>ホゴシャ</t>
    </rPh>
    <rPh sb="62" eb="64">
      <t>カンケイ</t>
    </rPh>
    <rPh sb="64" eb="66">
      <t>キカン</t>
    </rPh>
    <rPh sb="66" eb="68">
      <t>ショクイン</t>
    </rPh>
    <rPh sb="70" eb="72">
      <t>チイキ</t>
    </rPh>
    <rPh sb="73" eb="74">
      <t>カタ</t>
    </rPh>
    <rPh sb="76" eb="78">
      <t>ホンコウ</t>
    </rPh>
    <rPh sb="78" eb="80">
      <t>ザイセキ</t>
    </rPh>
    <rPh sb="81" eb="84">
      <t>ホゴシャ</t>
    </rPh>
    <phoneticPr fontId="5"/>
  </si>
  <si>
    <t>https://www.
pen-kanagawa.ed.jp/asao-sh/</t>
    <phoneticPr fontId="5"/>
  </si>
  <si>
    <t>本校の学校説明会になります。中学生向けに、岸根高校のカリキュラムや学校生活などをお伝えし、岸根高校の魅力を知ってもらう会となります。</t>
    <rPh sb="0" eb="2">
      <t>ホンコウ</t>
    </rPh>
    <rPh sb="3" eb="8">
      <t>ガッコウセツメイカイ</t>
    </rPh>
    <rPh sb="14" eb="18">
      <t>チュウガクセイム</t>
    </rPh>
    <rPh sb="21" eb="25">
      <t>キシネコウコウ</t>
    </rPh>
    <rPh sb="33" eb="37">
      <t>ガッコウセイカツ</t>
    </rPh>
    <rPh sb="41" eb="42">
      <t>ツタ</t>
    </rPh>
    <rPh sb="45" eb="49">
      <t>キシネコウコウ</t>
    </rPh>
    <rPh sb="50" eb="52">
      <t>ミリョク</t>
    </rPh>
    <rPh sb="53" eb="54">
      <t>シ</t>
    </rPh>
    <rPh sb="59" eb="60">
      <t>カイ</t>
    </rPh>
    <phoneticPr fontId="5"/>
  </si>
  <si>
    <t>新横浜駅
岸根公園駅</t>
    <rPh sb="0" eb="3">
      <t>シンヨコハマ</t>
    </rPh>
    <rPh sb="3" eb="4">
      <t>エキ</t>
    </rPh>
    <rPh sb="5" eb="10">
      <t>キシネコウエンエキ</t>
    </rPh>
    <phoneticPr fontId="5"/>
  </si>
  <si>
    <t>岸根高等学校</t>
    <rPh sb="0" eb="6">
      <t>キシネコウトウガッコウ</t>
    </rPh>
    <phoneticPr fontId="5"/>
  </si>
  <si>
    <t>中学生とその保護者等</t>
    <rPh sb="0" eb="3">
      <t>チュウガクセイ</t>
    </rPh>
    <rPh sb="6" eb="10">
      <t>ホゴシャトウ</t>
    </rPh>
    <phoneticPr fontId="5"/>
  </si>
  <si>
    <t>中学生向け部活動体験</t>
    <rPh sb="0" eb="4">
      <t>チュウガクセイム</t>
    </rPh>
    <rPh sb="5" eb="10">
      <t>ブカツドウタイケン</t>
    </rPh>
    <phoneticPr fontId="5"/>
  </si>
  <si>
    <t>本校に興味のある中学生向けに本校生徒と一緒に、部活動を体験してもらう企画となります。</t>
    <rPh sb="0" eb="2">
      <t>ホンコウ</t>
    </rPh>
    <rPh sb="3" eb="5">
      <t>キョウミ</t>
    </rPh>
    <rPh sb="8" eb="12">
      <t>チュウガクセイム</t>
    </rPh>
    <rPh sb="14" eb="16">
      <t>ホンコウ</t>
    </rPh>
    <rPh sb="16" eb="18">
      <t>セイト</t>
    </rPh>
    <rPh sb="19" eb="21">
      <t>イッショ</t>
    </rPh>
    <rPh sb="23" eb="26">
      <t>ブカツドウ</t>
    </rPh>
    <rPh sb="27" eb="29">
      <t>タイケン</t>
    </rPh>
    <rPh sb="34" eb="36">
      <t>キカク</t>
    </rPh>
    <phoneticPr fontId="5"/>
  </si>
  <si>
    <t>中学生向け部活動体験</t>
    <phoneticPr fontId="5"/>
  </si>
  <si>
    <t>中学生</t>
    <phoneticPr fontId="5"/>
  </si>
  <si>
    <t>二俣川駅北口よりバス  → 「美立橋」 下車徒歩３分
二俣川駅南口よりバス  → 「左近山第４」 下車徒歩７分
東戸塚駅西口よりバス  → 「環２今井」 下車徒歩10分
保土ヶ谷駅東口よりバス  → 「美立橋」  下車徒歩3分</t>
  </si>
  <si>
    <t>三浦市</t>
  </si>
  <si>
    <t>伊勢原市</t>
  </si>
  <si>
    <t>県内全域</t>
    <phoneticPr fontId="3"/>
  </si>
  <si>
    <t>横浜市
神奈川区</t>
    <rPh sb="4" eb="8">
      <t>カナガワク</t>
    </rPh>
    <phoneticPr fontId="3"/>
  </si>
  <si>
    <t>横浜市
栄区</t>
    <rPh sb="4" eb="6">
      <t>サカエク</t>
    </rPh>
    <phoneticPr fontId="3"/>
  </si>
  <si>
    <t>神奈川総合高校の学校説明会です。普通科・舞台芸術科の特色や入学者選抜について、中学生及び保護者への周知を図ります。本校の特色ある授業を体験する機会を設け、本校の魅力を発信します。</t>
    <rPh sb="0" eb="3">
      <t>カナガワ</t>
    </rPh>
    <rPh sb="3" eb="5">
      <t>ソウゴウ</t>
    </rPh>
    <rPh sb="5" eb="7">
      <t>コウコウ</t>
    </rPh>
    <rPh sb="8" eb="10">
      <t>ガッコウ</t>
    </rPh>
    <rPh sb="10" eb="13">
      <t>セツメイカイ</t>
    </rPh>
    <rPh sb="16" eb="19">
      <t>フツウカ</t>
    </rPh>
    <rPh sb="20" eb="22">
      <t>ブタイ</t>
    </rPh>
    <rPh sb="22" eb="24">
      <t>ゲイジュツ</t>
    </rPh>
    <rPh sb="24" eb="25">
      <t>カ</t>
    </rPh>
    <rPh sb="26" eb="28">
      <t>トクショク</t>
    </rPh>
    <rPh sb="29" eb="32">
      <t>ニュウガクシャ</t>
    </rPh>
    <rPh sb="32" eb="34">
      <t>センバツ</t>
    </rPh>
    <rPh sb="39" eb="42">
      <t>チュウガクセイ</t>
    </rPh>
    <rPh sb="42" eb="43">
      <t>オヨ</t>
    </rPh>
    <rPh sb="44" eb="47">
      <t>ホゴシャ</t>
    </rPh>
    <rPh sb="49" eb="51">
      <t>シュウチ</t>
    </rPh>
    <rPh sb="52" eb="53">
      <t>ハカ</t>
    </rPh>
    <rPh sb="57" eb="59">
      <t>ホンコウ</t>
    </rPh>
    <rPh sb="60" eb="62">
      <t>トクショク</t>
    </rPh>
    <rPh sb="64" eb="66">
      <t>ジュギョウ</t>
    </rPh>
    <rPh sb="67" eb="69">
      <t>タイケン</t>
    </rPh>
    <rPh sb="71" eb="73">
      <t>キカイ</t>
    </rPh>
    <rPh sb="74" eb="75">
      <t>モウ</t>
    </rPh>
    <rPh sb="77" eb="79">
      <t>ホンコウ</t>
    </rPh>
    <rPh sb="80" eb="82">
      <t>ミリョク</t>
    </rPh>
    <rPh sb="83" eb="85">
      <t>ハッシン</t>
    </rPh>
    <phoneticPr fontId="5"/>
  </si>
  <si>
    <t>TECHLAB</t>
  </si>
  <si>
    <t>県内専門学科高校に在学する生徒が一堂に会する高校生の祭典です。日頃の学習成果を発表・展示し、専門高校の教育内容や魅力・活動内容を、中学生や保護者の皆様、さらには広く県民の皆様にＰＲします。</t>
  </si>
  <si>
    <t>相原高等学校商業科</t>
    <rPh sb="0" eb="2">
      <t>アイハラ</t>
    </rPh>
    <rPh sb="2" eb="4">
      <t>コウトウ</t>
    </rPh>
    <rPh sb="4" eb="6">
      <t>ガッコウ</t>
    </rPh>
    <rPh sb="6" eb="9">
      <t>ショウギョウカ</t>
    </rPh>
    <phoneticPr fontId="5"/>
  </si>
  <si>
    <t>横浜清陵高等学校</t>
    <rPh sb="0" eb="2">
      <t>ヨコハマ</t>
    </rPh>
    <rPh sb="2" eb="4">
      <t>セイリョウ</t>
    </rPh>
    <rPh sb="4" eb="8">
      <t>コウトウガッコウ</t>
    </rPh>
    <phoneticPr fontId="5"/>
  </si>
  <si>
    <t>横浜清陵高等学校
活動支援グループ</t>
    <rPh sb="0" eb="2">
      <t>ヨコハマ</t>
    </rPh>
    <rPh sb="2" eb="4">
      <t>セイリョウ</t>
    </rPh>
    <rPh sb="4" eb="8">
      <t>コウトウガッコウ</t>
    </rPh>
    <rPh sb="9" eb="11">
      <t>カツドウ</t>
    </rPh>
    <rPh sb="11" eb="13">
      <t>シエン</t>
    </rPh>
    <phoneticPr fontId="5"/>
  </si>
  <si>
    <t>横浜清陵高等学校　
活動支援グループ</t>
    <rPh sb="0" eb="2">
      <t>ヨコハマ</t>
    </rPh>
    <rPh sb="2" eb="4">
      <t>セイリョウ</t>
    </rPh>
    <rPh sb="4" eb="8">
      <t>コウトウガッコウ</t>
    </rPh>
    <rPh sb="10" eb="12">
      <t>カツドウ</t>
    </rPh>
    <rPh sb="12" eb="14">
      <t>シエン</t>
    </rPh>
    <phoneticPr fontId="5"/>
  </si>
  <si>
    <t>横浜清陵高等学校　企画広報G</t>
    <rPh sb="0" eb="2">
      <t>ヨコハマ</t>
    </rPh>
    <rPh sb="2" eb="4">
      <t>セイリョウ</t>
    </rPh>
    <rPh sb="4" eb="8">
      <t>コウトウガッコウ</t>
    </rPh>
    <rPh sb="9" eb="13">
      <t>キカクコウホウ</t>
    </rPh>
    <phoneticPr fontId="5"/>
  </si>
  <si>
    <t>横浜清陵高等学校　企画広報グループ</t>
    <rPh sb="0" eb="2">
      <t>ヨコハマ</t>
    </rPh>
    <rPh sb="2" eb="4">
      <t>セイリョウ</t>
    </rPh>
    <rPh sb="4" eb="8">
      <t>コウトウガッコウ</t>
    </rPh>
    <rPh sb="9" eb="13">
      <t>キカクコウホウ</t>
    </rPh>
    <phoneticPr fontId="5"/>
  </si>
  <si>
    <t>横浜清陵高等学校　活動支援G</t>
    <rPh sb="0" eb="2">
      <t>ヨコハマ</t>
    </rPh>
    <rPh sb="2" eb="4">
      <t>セイリョウ</t>
    </rPh>
    <rPh sb="4" eb="8">
      <t>コウトウガッコウ</t>
    </rPh>
    <rPh sb="9" eb="13">
      <t>カツドウシエン</t>
    </rPh>
    <phoneticPr fontId="5"/>
  </si>
  <si>
    <t>横浜清陵高等学校　活動支援グループ</t>
    <rPh sb="0" eb="2">
      <t>ヨコハマ</t>
    </rPh>
    <rPh sb="2" eb="4">
      <t>セイリョウ</t>
    </rPh>
    <rPh sb="4" eb="8">
      <t>コウトウガッコウ</t>
    </rPh>
    <rPh sb="9" eb="13">
      <t>カツドウシエン</t>
    </rPh>
    <phoneticPr fontId="5"/>
  </si>
  <si>
    <t>光陵高等学校</t>
    <rPh sb="0" eb="6">
      <t>コウリョウコウトウガッコウ</t>
    </rPh>
    <phoneticPr fontId="5"/>
  </si>
  <si>
    <t>光陵高等学校　情報メディアグループ</t>
    <rPh sb="0" eb="6">
      <t>コウリョウコウトウガッコウ</t>
    </rPh>
    <rPh sb="7" eb="9">
      <t>ジョウホウ</t>
    </rPh>
    <phoneticPr fontId="5"/>
  </si>
  <si>
    <t>港北高等学校</t>
    <rPh sb="0" eb="2">
      <t>コウホク</t>
    </rPh>
    <rPh sb="2" eb="4">
      <t>コウトウ</t>
    </rPh>
    <rPh sb="4" eb="6">
      <t>ガッコウ</t>
    </rPh>
    <phoneticPr fontId="5"/>
  </si>
  <si>
    <t>港北高等学校開発・広報グループ</t>
    <rPh sb="0" eb="2">
      <t>コウホク</t>
    </rPh>
    <rPh sb="2" eb="6">
      <t>コウトウガッコウ</t>
    </rPh>
    <rPh sb="6" eb="8">
      <t>カイハツ</t>
    </rPh>
    <rPh sb="9" eb="11">
      <t>コウホウ</t>
    </rPh>
    <phoneticPr fontId="5"/>
  </si>
  <si>
    <t>横浜桜陽高等学校　体育館</t>
    <rPh sb="0" eb="8">
      <t>ヨコハマオウヨウコウトウガッコウ</t>
    </rPh>
    <rPh sb="9" eb="12">
      <t>タイイクカン</t>
    </rPh>
    <phoneticPr fontId="5"/>
  </si>
  <si>
    <t>横浜桜陽高等学校　</t>
    <rPh sb="0" eb="8">
      <t>ヨコハマオウヨウコウトウガッコウ</t>
    </rPh>
    <phoneticPr fontId="5"/>
  </si>
  <si>
    <t>舞岡高等学校令和７年度第２回学校説明会</t>
  </si>
  <si>
    <t>舞岡高等学校</t>
  </si>
  <si>
    <t>舞岡高等学校</t>
    <rPh sb="0" eb="2">
      <t>マイオカ</t>
    </rPh>
    <rPh sb="2" eb="6">
      <t>コウトウガッコウ</t>
    </rPh>
    <phoneticPr fontId="5"/>
  </si>
  <si>
    <t>新城高等学校</t>
    <phoneticPr fontId="5"/>
  </si>
  <si>
    <t>麻生支援学校</t>
    <rPh sb="0" eb="2">
      <t>アサオ</t>
    </rPh>
    <rPh sb="2" eb="4">
      <t>シエン</t>
    </rPh>
    <rPh sb="4" eb="6">
      <t>ガッコウ</t>
    </rPh>
    <phoneticPr fontId="5"/>
  </si>
  <si>
    <t>麻生支援学校　カリキュラム研究開発グループ</t>
    <rPh sb="0" eb="2">
      <t>アサオ</t>
    </rPh>
    <rPh sb="2" eb="4">
      <t>シエン</t>
    </rPh>
    <rPh sb="4" eb="6">
      <t>ガッコウ</t>
    </rPh>
    <rPh sb="13" eb="17">
      <t>ケンキュウカイハツ</t>
    </rPh>
    <phoneticPr fontId="5"/>
  </si>
  <si>
    <t>武山支援学校</t>
    <phoneticPr fontId="5"/>
  </si>
  <si>
    <t>武山支援学校</t>
    <rPh sb="0" eb="2">
      <t>タケヤマ</t>
    </rPh>
    <rPh sb="2" eb="4">
      <t>シエン</t>
    </rPh>
    <rPh sb="4" eb="6">
      <t>ガッコウ</t>
    </rPh>
    <phoneticPr fontId="5"/>
  </si>
  <si>
    <t>武山支援学校津久井浜分教室</t>
    <rPh sb="6" eb="10">
      <t>ツクイハマ</t>
    </rPh>
    <rPh sb="10" eb="13">
      <t>ブンキョウシツ</t>
    </rPh>
    <phoneticPr fontId="5"/>
  </si>
  <si>
    <t>高浜高等学校</t>
    <rPh sb="0" eb="2">
      <t>タカハマ</t>
    </rPh>
    <rPh sb="2" eb="4">
      <t>コウトウ</t>
    </rPh>
    <rPh sb="4" eb="6">
      <t>ガッコウ</t>
    </rPh>
    <phoneticPr fontId="5"/>
  </si>
  <si>
    <t>高浜高等学校定時制</t>
  </si>
  <si>
    <t>高浜高等学校定時制</t>
    <rPh sb="0" eb="6">
      <t>タカハマコウトウガッコウ</t>
    </rPh>
    <rPh sb="6" eb="9">
      <t>テイジセイ</t>
    </rPh>
    <phoneticPr fontId="5"/>
  </si>
  <si>
    <t>藤沢総合高等学校</t>
  </si>
  <si>
    <t>藤沢清流高等学校</t>
    <rPh sb="0" eb="4">
      <t>フジサワセイリュウ</t>
    </rPh>
    <rPh sb="4" eb="8">
      <t>コウトウガッコウ</t>
    </rPh>
    <phoneticPr fontId="5"/>
  </si>
  <si>
    <t>小田原城北工業高等学校</t>
    <rPh sb="0" eb="7">
      <t>オダワラジョウホクコウギョウ</t>
    </rPh>
    <rPh sb="7" eb="11">
      <t>コウトウガッコウ</t>
    </rPh>
    <phoneticPr fontId="5"/>
  </si>
  <si>
    <t>大和南高等学校　</t>
    <rPh sb="0" eb="2">
      <t>ヤマト</t>
    </rPh>
    <rPh sb="2" eb="3">
      <t>ミナミ</t>
    </rPh>
    <rPh sb="3" eb="5">
      <t>コウトウ</t>
    </rPh>
    <rPh sb="5" eb="7">
      <t>ガッコウ</t>
    </rPh>
    <phoneticPr fontId="5"/>
  </si>
  <si>
    <t>大和東高等学校　</t>
    <rPh sb="0" eb="2">
      <t>ヤマト</t>
    </rPh>
    <rPh sb="2" eb="3">
      <t>ヒガシ</t>
    </rPh>
    <rPh sb="3" eb="5">
      <t>コウトウ</t>
    </rPh>
    <rPh sb="5" eb="7">
      <t>ガッコウ</t>
    </rPh>
    <phoneticPr fontId="5"/>
  </si>
  <si>
    <t>綾瀬西高等学校</t>
  </si>
  <si>
    <t>綾瀬西高等学校</t>
    <rPh sb="0" eb="2">
      <t>アヤセ</t>
    </rPh>
    <rPh sb="2" eb="3">
      <t>ニシ</t>
    </rPh>
    <rPh sb="3" eb="5">
      <t>コウトウ</t>
    </rPh>
    <rPh sb="5" eb="7">
      <t>ガッコウ</t>
    </rPh>
    <phoneticPr fontId="5"/>
  </si>
  <si>
    <t>綾瀬西高等学校　生徒活動支援グループ</t>
    <rPh sb="0" eb="7">
      <t>アヤセニシコウトウガッコウ</t>
    </rPh>
    <rPh sb="8" eb="10">
      <t>セイト</t>
    </rPh>
    <rPh sb="10" eb="12">
      <t>カツドウ</t>
    </rPh>
    <rPh sb="12" eb="14">
      <t>シエン</t>
    </rPh>
    <phoneticPr fontId="5"/>
  </si>
  <si>
    <t>綾瀬西高等学校　総務・広報グループ</t>
    <rPh sb="0" eb="7">
      <t>アヤセニシコウトウガッコウ</t>
    </rPh>
    <rPh sb="8" eb="10">
      <t>ソウム</t>
    </rPh>
    <rPh sb="11" eb="13">
      <t>コウホウ</t>
    </rPh>
    <phoneticPr fontId="5"/>
  </si>
  <si>
    <t>津久井高等学校</t>
    <phoneticPr fontId="5"/>
  </si>
  <si>
    <t>中央農業高等学校</t>
    <phoneticPr fontId="5"/>
  </si>
  <si>
    <t>相模原支援学校</t>
    <rPh sb="0" eb="7">
      <t>サガミハラシエンガッコウ</t>
    </rPh>
    <phoneticPr fontId="5"/>
  </si>
  <si>
    <t>相模原支援学校　地域連携班</t>
    <rPh sb="0" eb="7">
      <t>サガミハラシエンガッコウ</t>
    </rPh>
    <rPh sb="8" eb="13">
      <t>チイキレンケイハン</t>
    </rPh>
    <phoneticPr fontId="5"/>
  </si>
  <si>
    <t>川崎工科高等学校</t>
    <rPh sb="0" eb="2">
      <t>カワサキ</t>
    </rPh>
    <rPh sb="2" eb="4">
      <t>コウカ</t>
    </rPh>
    <rPh sb="4" eb="6">
      <t>コウトウ</t>
    </rPh>
    <rPh sb="6" eb="8">
      <t>ガッコウ</t>
    </rPh>
    <phoneticPr fontId="5"/>
  </si>
  <si>
    <t>川崎工科高等学校</t>
    <rPh sb="0" eb="6">
      <t>カワサキコウカコウトウ</t>
    </rPh>
    <rPh sb="6" eb="8">
      <t>ガッコウ</t>
    </rPh>
    <phoneticPr fontId="5"/>
  </si>
  <si>
    <t>横浜瀬谷高等学校</t>
    <rPh sb="0" eb="2">
      <t>ヨコハマ</t>
    </rPh>
    <rPh sb="2" eb="4">
      <t>セヤ</t>
    </rPh>
    <rPh sb="4" eb="6">
      <t>コウトウ</t>
    </rPh>
    <rPh sb="6" eb="8">
      <t>ガッコウ</t>
    </rPh>
    <phoneticPr fontId="5"/>
  </si>
  <si>
    <t>横浜瀬谷高等学校　広報・研究グループ　黒崎</t>
    <rPh sb="0" eb="2">
      <t>ヨコハマ</t>
    </rPh>
    <rPh sb="2" eb="4">
      <t>セヤ</t>
    </rPh>
    <rPh sb="4" eb="6">
      <t>コウトウ</t>
    </rPh>
    <rPh sb="6" eb="8">
      <t>ガッコウ</t>
    </rPh>
    <rPh sb="9" eb="11">
      <t>コウホウ</t>
    </rPh>
    <rPh sb="12" eb="14">
      <t>ケンキュウ</t>
    </rPh>
    <rPh sb="19" eb="21">
      <t>クロサキ</t>
    </rPh>
    <phoneticPr fontId="5"/>
  </si>
  <si>
    <t>岸根高等学校</t>
    <rPh sb="0" eb="2">
      <t>キシネ</t>
    </rPh>
    <rPh sb="2" eb="6">
      <t>コウトウガッコウ</t>
    </rPh>
    <phoneticPr fontId="5"/>
  </si>
  <si>
    <t>岸根高等学校</t>
    <phoneticPr fontId="5"/>
  </si>
  <si>
    <t>横浜国際高等学校</t>
    <rPh sb="0" eb="2">
      <t>ヨコハマ</t>
    </rPh>
    <rPh sb="2" eb="4">
      <t>コクサイ</t>
    </rPh>
    <rPh sb="4" eb="6">
      <t>コウトウ</t>
    </rPh>
    <rPh sb="6" eb="8">
      <t>ガッコウ</t>
    </rPh>
    <phoneticPr fontId="5"/>
  </si>
  <si>
    <t>横浜国際高等学校</t>
    <phoneticPr fontId="3"/>
  </si>
  <si>
    <t>あおば支援学校</t>
    <rPh sb="3" eb="7">
      <t>シエンガッコウ</t>
    </rPh>
    <phoneticPr fontId="5"/>
  </si>
  <si>
    <t>【目的】
（１）開校記念日を児童・生徒、保護者、教職員、地域の方々と祝う機会とします。
（２）児童・生徒が、日頃行っている学習の様子や成果をお互いに見合い、保護者や地域の方に披露します。
（３）地域の方々が行う催し物に参加して楽しい時間を過ごし、地域の方との交流の機会をもちます。</t>
    <rPh sb="1" eb="3">
      <t>モクテキ</t>
    </rPh>
    <phoneticPr fontId="5"/>
  </si>
  <si>
    <t>https://www.pen-kanagawa.ed.jp/kanagawa-th/zennichi/nyugaku/index.html</t>
  </si>
  <si>
    <t>2025/11/1
PM</t>
    <phoneticPr fontId="5"/>
  </si>
  <si>
    <t>横須賀工業高等学校</t>
  </si>
  <si>
    <t>初声祭（文化祭）</t>
    <rPh sb="0" eb="1">
      <t>ハツ</t>
    </rPh>
    <rPh sb="1" eb="2">
      <t>コエ</t>
    </rPh>
    <rPh sb="2" eb="3">
      <t>サイ</t>
    </rPh>
    <rPh sb="4" eb="7">
      <t>ブンカサイ</t>
    </rPh>
    <phoneticPr fontId="5"/>
  </si>
  <si>
    <t>部活動やクラス、有志団体等、食販やパネル展示を通して各団体の活動を紹介します。一般公開では本校を志望する中学生や保護者、近隣にお住いの方を対象としています。</t>
    <rPh sb="0" eb="3">
      <t>ブカツドウ</t>
    </rPh>
    <rPh sb="8" eb="10">
      <t>ユウシ</t>
    </rPh>
    <rPh sb="10" eb="12">
      <t>ダンタイ</t>
    </rPh>
    <rPh sb="12" eb="13">
      <t>トウ</t>
    </rPh>
    <rPh sb="14" eb="15">
      <t>ショク</t>
    </rPh>
    <rPh sb="15" eb="16">
      <t>ハン</t>
    </rPh>
    <rPh sb="20" eb="22">
      <t>テンジ</t>
    </rPh>
    <rPh sb="23" eb="24">
      <t>トオ</t>
    </rPh>
    <rPh sb="26" eb="29">
      <t>カクダンタイ</t>
    </rPh>
    <rPh sb="30" eb="32">
      <t>カツドウ</t>
    </rPh>
    <rPh sb="33" eb="35">
      <t>ショウカイ</t>
    </rPh>
    <rPh sb="39" eb="41">
      <t>イッパン</t>
    </rPh>
    <rPh sb="41" eb="43">
      <t>コウカイ</t>
    </rPh>
    <rPh sb="45" eb="47">
      <t>ホンコウ</t>
    </rPh>
    <rPh sb="48" eb="50">
      <t>シボウ</t>
    </rPh>
    <rPh sb="52" eb="55">
      <t>チュウガクセイ</t>
    </rPh>
    <rPh sb="56" eb="59">
      <t>ホゴシャ</t>
    </rPh>
    <rPh sb="60" eb="62">
      <t>キンリン</t>
    </rPh>
    <rPh sb="64" eb="65">
      <t>スマ</t>
    </rPh>
    <rPh sb="67" eb="68">
      <t>カタ</t>
    </rPh>
    <rPh sb="69" eb="71">
      <t>タイショウ</t>
    </rPh>
    <phoneticPr fontId="5"/>
  </si>
  <si>
    <t>三浦初声高等学校（入江キャンパス）</t>
    <rPh sb="0" eb="2">
      <t>ミウラ</t>
    </rPh>
    <rPh sb="2" eb="3">
      <t>ハツ</t>
    </rPh>
    <rPh sb="3" eb="4">
      <t>コエ</t>
    </rPh>
    <rPh sb="4" eb="6">
      <t>コウトウ</t>
    </rPh>
    <rPh sb="6" eb="8">
      <t>ガッコウ</t>
    </rPh>
    <rPh sb="9" eb="11">
      <t>イリエ</t>
    </rPh>
    <phoneticPr fontId="5"/>
  </si>
  <si>
    <t>三崎口駅
（京急線）
宮田
（京急バス）</t>
    <rPh sb="0" eb="3">
      <t>ミサキグチ</t>
    </rPh>
    <rPh sb="3" eb="4">
      <t>エキ</t>
    </rPh>
    <rPh sb="6" eb="8">
      <t>ケイキュウ</t>
    </rPh>
    <rPh sb="8" eb="9">
      <t>セン</t>
    </rPh>
    <rPh sb="11" eb="13">
      <t>ミヤダ</t>
    </rPh>
    <rPh sb="15" eb="17">
      <t>ケイキュウ</t>
    </rPh>
    <phoneticPr fontId="5"/>
  </si>
  <si>
    <t>三浦初声高等学校</t>
    <rPh sb="0" eb="2">
      <t>ミウラ</t>
    </rPh>
    <rPh sb="2" eb="3">
      <t>ハツ</t>
    </rPh>
    <rPh sb="3" eb="4">
      <t>コエ</t>
    </rPh>
    <rPh sb="4" eb="6">
      <t>コウトウ</t>
    </rPh>
    <rPh sb="6" eb="8">
      <t>ガッコウ</t>
    </rPh>
    <phoneticPr fontId="5"/>
  </si>
  <si>
    <t>・在校生の家族等
・本校を志望する中学生とその保護者
・本校近隣にお住いの方</t>
    <rPh sb="1" eb="4">
      <t>ザイコウセイ</t>
    </rPh>
    <rPh sb="5" eb="7">
      <t>カゾク</t>
    </rPh>
    <rPh sb="7" eb="8">
      <t>トウ</t>
    </rPh>
    <rPh sb="10" eb="12">
      <t>ホンコウ</t>
    </rPh>
    <rPh sb="13" eb="15">
      <t>シボウ</t>
    </rPh>
    <rPh sb="17" eb="20">
      <t>チュウガクセイ</t>
    </rPh>
    <rPh sb="23" eb="26">
      <t>ホゴシャ</t>
    </rPh>
    <rPh sb="28" eb="30">
      <t>ホンコウ</t>
    </rPh>
    <rPh sb="30" eb="32">
      <t>キンリン</t>
    </rPh>
    <rPh sb="34" eb="35">
      <t>スマ</t>
    </rPh>
    <rPh sb="37" eb="38">
      <t>カタ</t>
    </rPh>
    <phoneticPr fontId="5"/>
  </si>
  <si>
    <t>三浦初声高等学校
（入江キャンパス）</t>
    <rPh sb="0" eb="8">
      <t>ミウラハツコエコウトウガッコウ</t>
    </rPh>
    <rPh sb="10" eb="12">
      <t>イリエ</t>
    </rPh>
    <phoneticPr fontId="5"/>
  </si>
  <si>
    <t>https://www.pen-kanagawa.ed.jp/miurahasse-h/</t>
    <phoneticPr fontId="5"/>
  </si>
  <si>
    <t>収穫祭</t>
    <rPh sb="0" eb="3">
      <t>シュウカクサイ</t>
    </rPh>
    <phoneticPr fontId="5"/>
  </si>
  <si>
    <t>都市農業科の学習成果として、生産物の販売（野菜、果樹、花、食品製造、牛肉［隔年販売］）、食販、農業クラブ活動の紹介などを行います。本校を志望する中学生や保護者、近隣にお住いの方を対象としています。</t>
    <rPh sb="0" eb="2">
      <t>トシ</t>
    </rPh>
    <rPh sb="14" eb="17">
      <t>セイサンブツ</t>
    </rPh>
    <rPh sb="18" eb="20">
      <t>ハンバイ</t>
    </rPh>
    <rPh sb="29" eb="31">
      <t>ショクヒン</t>
    </rPh>
    <rPh sb="31" eb="33">
      <t>セイゾウ</t>
    </rPh>
    <rPh sb="44" eb="45">
      <t>ショク</t>
    </rPh>
    <rPh sb="45" eb="46">
      <t>ハン</t>
    </rPh>
    <rPh sb="47" eb="49">
      <t>ノウギョウ</t>
    </rPh>
    <rPh sb="52" eb="54">
      <t>カツドウ</t>
    </rPh>
    <rPh sb="55" eb="57">
      <t>ショウカイ</t>
    </rPh>
    <rPh sb="60" eb="61">
      <t>オコナ</t>
    </rPh>
    <rPh sb="80" eb="82">
      <t>キンリン</t>
    </rPh>
    <phoneticPr fontId="5"/>
  </si>
  <si>
    <t>三浦初声高等学校（和田キャンパス）</t>
    <rPh sb="0" eb="2">
      <t>ミウラ</t>
    </rPh>
    <rPh sb="2" eb="3">
      <t>ハツ</t>
    </rPh>
    <rPh sb="3" eb="4">
      <t>コエ</t>
    </rPh>
    <rPh sb="4" eb="6">
      <t>コウトウ</t>
    </rPh>
    <rPh sb="6" eb="8">
      <t>ガッコウ</t>
    </rPh>
    <rPh sb="9" eb="11">
      <t>ワダ</t>
    </rPh>
    <phoneticPr fontId="5"/>
  </si>
  <si>
    <t>三崎口駅
（京急線）
和田
（京急バス）</t>
    <rPh sb="0" eb="3">
      <t>ミサキグチ</t>
    </rPh>
    <rPh sb="3" eb="4">
      <t>エキ</t>
    </rPh>
    <rPh sb="6" eb="8">
      <t>ケイキュウ</t>
    </rPh>
    <rPh sb="8" eb="9">
      <t>セン</t>
    </rPh>
    <rPh sb="11" eb="13">
      <t>ワダ</t>
    </rPh>
    <rPh sb="15" eb="17">
      <t>ケイキュウ</t>
    </rPh>
    <phoneticPr fontId="5"/>
  </si>
  <si>
    <t>三浦初声高等学校
（和田キャンパス）</t>
    <rPh sb="0" eb="8">
      <t>ミウラハツコエコウトウガッコウ</t>
    </rPh>
    <rPh sb="10" eb="12">
      <t>ワダ</t>
    </rPh>
    <phoneticPr fontId="5"/>
  </si>
  <si>
    <t>本校の特色や教育活動について説明会にて説明し、またその取り組みについて、授業参観や、部活動見学、体験等を通して、本校の魅力を広く知っていただくことを目的としています。</t>
    <rPh sb="0" eb="2">
      <t>ホンコウ</t>
    </rPh>
    <rPh sb="3" eb="5">
      <t>トクショク</t>
    </rPh>
    <rPh sb="6" eb="8">
      <t>キョウイク</t>
    </rPh>
    <rPh sb="8" eb="10">
      <t>カツドウ</t>
    </rPh>
    <rPh sb="14" eb="16">
      <t>セツメイ</t>
    </rPh>
    <rPh sb="16" eb="17">
      <t>カイ</t>
    </rPh>
    <rPh sb="19" eb="21">
      <t>セツメイ</t>
    </rPh>
    <rPh sb="27" eb="28">
      <t>ト</t>
    </rPh>
    <rPh sb="29" eb="30">
      <t>ク</t>
    </rPh>
    <rPh sb="36" eb="38">
      <t>ジュギョウ</t>
    </rPh>
    <rPh sb="38" eb="40">
      <t>サンカン</t>
    </rPh>
    <rPh sb="42" eb="45">
      <t>ブカツドウ</t>
    </rPh>
    <rPh sb="45" eb="47">
      <t>ケンガク</t>
    </rPh>
    <rPh sb="48" eb="50">
      <t>タイケン</t>
    </rPh>
    <rPh sb="50" eb="51">
      <t>ナド</t>
    </rPh>
    <rPh sb="52" eb="53">
      <t>トオ</t>
    </rPh>
    <rPh sb="56" eb="58">
      <t>ホンコウ</t>
    </rPh>
    <rPh sb="59" eb="61">
      <t>ミリョク</t>
    </rPh>
    <rPh sb="62" eb="63">
      <t>ヒロ</t>
    </rPh>
    <rPh sb="64" eb="65">
      <t>シ</t>
    </rPh>
    <rPh sb="74" eb="76">
      <t>モクテキ</t>
    </rPh>
    <phoneticPr fontId="5"/>
  </si>
  <si>
    <t>小田急線　　　　　　　　　　　　　　　　　愛甲石田駅</t>
    <rPh sb="0" eb="3">
      <t>オダキュウ</t>
    </rPh>
    <rPh sb="3" eb="4">
      <t>セン</t>
    </rPh>
    <rPh sb="21" eb="25">
      <t>アイコウイシダ</t>
    </rPh>
    <rPh sb="25" eb="26">
      <t>エキ</t>
    </rPh>
    <phoneticPr fontId="5"/>
  </si>
  <si>
    <t>神奈川県伊志田高等学校
研究開発グループ</t>
    <rPh sb="4" eb="5">
      <t>イ</t>
    </rPh>
    <rPh sb="5" eb="6">
      <t>シ</t>
    </rPh>
    <rPh sb="6" eb="7">
      <t>タ</t>
    </rPh>
    <rPh sb="7" eb="11">
      <t>コウトウガッコウ</t>
    </rPh>
    <rPh sb="12" eb="16">
      <t>ケンキュウカイハツ</t>
    </rPh>
    <phoneticPr fontId="5"/>
  </si>
  <si>
    <t>伊志田高等学校の教育活動に関心のある人</t>
    <rPh sb="0" eb="3">
      <t>イシダ</t>
    </rPh>
    <rPh sb="3" eb="7">
      <t>コウトウガッコウ</t>
    </rPh>
    <rPh sb="8" eb="12">
      <t>キョウイクカツドウ</t>
    </rPh>
    <rPh sb="13" eb="15">
      <t>カンシン</t>
    </rPh>
    <rPh sb="18" eb="19">
      <t>ヒト</t>
    </rPh>
    <phoneticPr fontId="5"/>
  </si>
  <si>
    <t>第４回各科体験会</t>
    <rPh sb="0" eb="1">
      <t>ダイ</t>
    </rPh>
    <rPh sb="2" eb="3">
      <t>カイ</t>
    </rPh>
    <rPh sb="3" eb="8">
      <t>カクカタイケンカイ</t>
    </rPh>
    <phoneticPr fontId="5"/>
  </si>
  <si>
    <t>実際に本校の施設での授業の体験を通して、本校のそれぞれの科の特色や学校の様子を知っていただきます。</t>
  </si>
  <si>
    <t>京急堀ノ内、京急北久里浜駅、JR衣笠駅</t>
  </si>
  <si>
    <t>https://www.pen-kanagawa.ed.jp/yokosuka-th/index.html</t>
    <phoneticPr fontId="5"/>
  </si>
  <si>
    <t>第５回各科体験会</t>
    <rPh sb="0" eb="1">
      <t>ダイ</t>
    </rPh>
    <rPh sb="2" eb="3">
      <t>カイ</t>
    </rPh>
    <rPh sb="3" eb="8">
      <t>カクカタイケンカイ</t>
    </rPh>
    <phoneticPr fontId="5"/>
  </si>
  <si>
    <t>県須工祭</t>
  </si>
  <si>
    <t>横須賀工業高校の文化祭です。クラス、部活動、委員会、工業４科が研究発表や展示、パフォーマンス、食品の販売などを行います。</t>
    <rPh sb="0" eb="3">
      <t>ヨコスカ</t>
    </rPh>
    <rPh sb="3" eb="5">
      <t>コウギョウ</t>
    </rPh>
    <rPh sb="5" eb="7">
      <t>コウコウ</t>
    </rPh>
    <rPh sb="26" eb="28">
      <t>コウギョウ</t>
    </rPh>
    <rPh sb="29" eb="30">
      <t>カ</t>
    </rPh>
    <phoneticPr fontId="5"/>
  </si>
  <si>
    <t>https://www.pen-kanagawa.ed.jp/yokosuka-th/index.html</t>
  </si>
  <si>
    <t>元石川高等学校</t>
    <phoneticPr fontId="5"/>
  </si>
  <si>
    <t>田奈高等学校　視聴覚室</t>
    <rPh sb="0" eb="2">
      <t>タナ</t>
    </rPh>
    <rPh sb="7" eb="11">
      <t>シチョウカクシツ</t>
    </rPh>
    <phoneticPr fontId="5"/>
  </si>
  <si>
    <t xml:space="preserve">藤沢支援学校鎌倉分教室
（鎌倉高等学校内）
</t>
    <rPh sb="0" eb="6">
      <t>フジサワシエンガッコウ</t>
    </rPh>
    <rPh sb="6" eb="8">
      <t>カマクラ</t>
    </rPh>
    <rPh sb="8" eb="11">
      <t>ブンキョウシツ</t>
    </rPh>
    <rPh sb="19" eb="20">
      <t>ナイ</t>
    </rPh>
    <phoneticPr fontId="5"/>
  </si>
  <si>
    <t>小田原東高等学校</t>
    <phoneticPr fontId="5"/>
  </si>
  <si>
    <t>大井高等学校</t>
    <phoneticPr fontId="5"/>
  </si>
  <si>
    <t>有馬高等学校　体育館</t>
    <rPh sb="0" eb="2">
      <t>アリマ</t>
    </rPh>
    <rPh sb="7" eb="10">
      <t>タイイクカン</t>
    </rPh>
    <phoneticPr fontId="5"/>
  </si>
  <si>
    <t>吉田島高等学校</t>
    <rPh sb="0" eb="2">
      <t>ヨシダ</t>
    </rPh>
    <rPh sb="2" eb="3">
      <t>ジマ</t>
    </rPh>
    <phoneticPr fontId="5"/>
  </si>
  <si>
    <t>横浜修悠館高等学校から最寄り駅（いずみ中央えき、ゆめが丘駅）の区間</t>
    <rPh sb="11" eb="13">
      <t>モヨ</t>
    </rPh>
    <rPh sb="14" eb="15">
      <t>エキ</t>
    </rPh>
    <rPh sb="19" eb="21">
      <t>チュウオウ</t>
    </rPh>
    <rPh sb="27" eb="28">
      <t>オカ</t>
    </rPh>
    <rPh sb="28" eb="29">
      <t>エキ</t>
    </rPh>
    <rPh sb="31" eb="33">
      <t>クカン</t>
    </rPh>
    <phoneticPr fontId="5"/>
  </si>
  <si>
    <t>横浜修悠館高等学校</t>
    <phoneticPr fontId="5"/>
  </si>
  <si>
    <t>横浜修悠館高等学校（体育館）</t>
    <rPh sb="10" eb="13">
      <t>タイイクカン</t>
    </rPh>
    <phoneticPr fontId="5"/>
  </si>
  <si>
    <t>菅高等学校</t>
    <phoneticPr fontId="3"/>
  </si>
  <si>
    <t>田奈高等学校</t>
    <rPh sb="0" eb="2">
      <t>タナ</t>
    </rPh>
    <phoneticPr fontId="5"/>
  </si>
  <si>
    <t>横須賀大津高等学校　活動支援グループ</t>
    <rPh sb="0" eb="3">
      <t>ヨコスカ</t>
    </rPh>
    <rPh sb="3" eb="5">
      <t>オオツ</t>
    </rPh>
    <rPh sb="10" eb="14">
      <t>カツドウシエン</t>
    </rPh>
    <phoneticPr fontId="5"/>
  </si>
  <si>
    <t>横須賀大津高等学校　学校管理グループ</t>
    <rPh sb="0" eb="3">
      <t>ヨコスカ</t>
    </rPh>
    <rPh sb="3" eb="5">
      <t>オオツ</t>
    </rPh>
    <rPh sb="10" eb="14">
      <t>ガッコウカンリ</t>
    </rPh>
    <phoneticPr fontId="5"/>
  </si>
  <si>
    <t>小田原東高等学校</t>
    <rPh sb="0" eb="3">
      <t>オダワラ</t>
    </rPh>
    <phoneticPr fontId="5"/>
  </si>
  <si>
    <t>有馬高等学校</t>
    <phoneticPr fontId="5"/>
  </si>
  <si>
    <t>吉田島高等学校</t>
    <phoneticPr fontId="5"/>
  </si>
  <si>
    <t>厚木清南高等学校</t>
    <rPh sb="0" eb="2">
      <t>アツギ</t>
    </rPh>
    <rPh sb="2" eb="3">
      <t>キヨシ</t>
    </rPh>
    <rPh sb="3" eb="4">
      <t>ナン</t>
    </rPh>
    <rPh sb="4" eb="6">
      <t>コウトウ</t>
    </rPh>
    <rPh sb="6" eb="8">
      <t>ガッコウ</t>
    </rPh>
    <phoneticPr fontId="5"/>
  </si>
  <si>
    <t>伊志田高等学校
研究開発グループ</t>
    <rPh sb="0" eb="1">
      <t>イ</t>
    </rPh>
    <rPh sb="1" eb="2">
      <t>シ</t>
    </rPh>
    <rPh sb="2" eb="3">
      <t>タ</t>
    </rPh>
    <rPh sb="3" eb="7">
      <t>コウトウガッコウ</t>
    </rPh>
    <rPh sb="8" eb="12">
      <t>ケンキュウカイハツ</t>
    </rPh>
    <phoneticPr fontId="5"/>
  </si>
  <si>
    <t>伊志田高等学校</t>
    <rPh sb="0" eb="3">
      <t>イシダ</t>
    </rPh>
    <rPh sb="3" eb="7">
      <t>コウトウガッコウ</t>
    </rPh>
    <phoneticPr fontId="5"/>
  </si>
  <si>
    <t>小田原城北工業高等学校、大井高等学校</t>
    <rPh sb="0" eb="5">
      <t>オダワラジョウホク</t>
    </rPh>
    <rPh sb="5" eb="7">
      <t>コウギョウ</t>
    </rPh>
    <rPh sb="7" eb="11">
      <t>コウトウガッコウ</t>
    </rPh>
    <rPh sb="12" eb="14">
      <t>オオイ</t>
    </rPh>
    <rPh sb="14" eb="18">
      <t>コウトウガッコウ</t>
    </rPh>
    <phoneticPr fontId="5"/>
  </si>
  <si>
    <t>小田原城北工業高等学校、大井高等学校</t>
    <rPh sb="0" eb="5">
      <t>オダワラジョウホク</t>
    </rPh>
    <rPh sb="5" eb="7">
      <t>コウギョウ</t>
    </rPh>
    <rPh sb="7" eb="11">
      <t>コウトウガッコウ</t>
    </rPh>
    <phoneticPr fontId="5"/>
  </si>
  <si>
    <t>中学３年生向けの学校説明会です。全体説明会の後、工業４科の施設見学を行います。また、部活動の見学も可能です。</t>
    <rPh sb="0" eb="2">
      <t>チュウガク</t>
    </rPh>
    <rPh sb="3" eb="5">
      <t>ネンセイ</t>
    </rPh>
    <rPh sb="5" eb="6">
      <t>ム</t>
    </rPh>
    <rPh sb="8" eb="13">
      <t>ガッコウセツメイカイ</t>
    </rPh>
    <rPh sb="16" eb="18">
      <t>ゼンタイ</t>
    </rPh>
    <rPh sb="18" eb="21">
      <t>セツメイカイ</t>
    </rPh>
    <rPh sb="22" eb="23">
      <t>アト</t>
    </rPh>
    <rPh sb="24" eb="26">
      <t>コウギョウ</t>
    </rPh>
    <rPh sb="27" eb="28">
      <t>カ</t>
    </rPh>
    <rPh sb="29" eb="33">
      <t>シセツケンガク</t>
    </rPh>
    <rPh sb="34" eb="35">
      <t>オコナ</t>
    </rPh>
    <rPh sb="42" eb="45">
      <t>ブカツドウ</t>
    </rPh>
    <rPh sb="46" eb="48">
      <t>ケンガク</t>
    </rPh>
    <rPh sb="49" eb="51">
      <t>カノウ</t>
    </rPh>
    <phoneticPr fontId="5"/>
  </si>
  <si>
    <t>https://www.pen-kanagawa.ed.jp/atsugikita-h/</t>
  </si>
  <si>
    <t>厚木市</t>
    <rPh sb="0" eb="3">
      <t>アツギシ</t>
    </rPh>
    <phoneticPr fontId="5"/>
  </si>
  <si>
    <t>厚木北高校の教育と入試について紹介し、理解を深めていただく機会として実施いたします。</t>
    <rPh sb="0" eb="2">
      <t>アツギ</t>
    </rPh>
    <rPh sb="2" eb="3">
      <t>キタ</t>
    </rPh>
    <rPh sb="3" eb="5">
      <t>コウコウ</t>
    </rPh>
    <rPh sb="6" eb="8">
      <t>キョウイク</t>
    </rPh>
    <rPh sb="9" eb="11">
      <t>ニュウシ</t>
    </rPh>
    <rPh sb="15" eb="17">
      <t>ショウカイ</t>
    </rPh>
    <rPh sb="19" eb="21">
      <t>リカイ</t>
    </rPh>
    <rPh sb="22" eb="23">
      <t>フカ</t>
    </rPh>
    <rPh sb="29" eb="31">
      <t>キカイ</t>
    </rPh>
    <rPh sb="34" eb="36">
      <t>ジッシ</t>
    </rPh>
    <phoneticPr fontId="5"/>
  </si>
  <si>
    <t>厚木北高等学校</t>
    <rPh sb="0" eb="2">
      <t>アツギ</t>
    </rPh>
    <rPh sb="2" eb="3">
      <t>キタ</t>
    </rPh>
    <rPh sb="3" eb="7">
      <t>コウトウガッコウ</t>
    </rPh>
    <phoneticPr fontId="5"/>
  </si>
  <si>
    <t>神奈中バス
「リコー前」</t>
    <rPh sb="0" eb="3">
      <t>カナチュウ</t>
    </rPh>
    <rPh sb="10" eb="11">
      <t>マエ</t>
    </rPh>
    <phoneticPr fontId="5"/>
  </si>
  <si>
    <t>本校の教育に関心のある中学生とその保護者</t>
    <rPh sb="0" eb="2">
      <t>ホンコウ</t>
    </rPh>
    <rPh sb="3" eb="5">
      <t>キョウイク</t>
    </rPh>
    <rPh sb="6" eb="8">
      <t>カンシン</t>
    </rPh>
    <rPh sb="11" eb="14">
      <t>チュウガクセイ</t>
    </rPh>
    <rPh sb="17" eb="20">
      <t>ホゴシャ</t>
    </rPh>
    <phoneticPr fontId="5"/>
  </si>
  <si>
    <t>https://www.pen-kanagawa.ed.jp/atsugikita-h/</t>
    <phoneticPr fontId="5"/>
  </si>
  <si>
    <t>若楓祭（文化祭）</t>
    <rPh sb="0" eb="2">
      <t>ワカカエデ</t>
    </rPh>
    <rPh sb="2" eb="3">
      <t>サイ</t>
    </rPh>
    <rPh sb="4" eb="7">
      <t>ブンカサイ</t>
    </rPh>
    <phoneticPr fontId="5"/>
  </si>
  <si>
    <t>生徒会を中心とした企画によって、厚木北高校の、学び、高めあう教育の成果を広く一般に公開します。</t>
    <rPh sb="0" eb="3">
      <t>セイトカイ</t>
    </rPh>
    <rPh sb="4" eb="6">
      <t>チュウシン</t>
    </rPh>
    <rPh sb="9" eb="11">
      <t>キカク</t>
    </rPh>
    <rPh sb="16" eb="18">
      <t>アツギ</t>
    </rPh>
    <rPh sb="18" eb="19">
      <t>キタ</t>
    </rPh>
    <rPh sb="19" eb="21">
      <t>コウコウ</t>
    </rPh>
    <rPh sb="23" eb="24">
      <t>マナ</t>
    </rPh>
    <rPh sb="26" eb="27">
      <t>タカ</t>
    </rPh>
    <rPh sb="30" eb="32">
      <t>キョウイク</t>
    </rPh>
    <rPh sb="33" eb="35">
      <t>セイカ</t>
    </rPh>
    <rPh sb="36" eb="37">
      <t>ヒロ</t>
    </rPh>
    <rPh sb="38" eb="40">
      <t>イッパン</t>
    </rPh>
    <rPh sb="41" eb="43">
      <t>コウカイ</t>
    </rPh>
    <phoneticPr fontId="5"/>
  </si>
  <si>
    <t>小田原城北工業高等学校　広報連携グループ、大井高等学校</t>
    <rPh sb="0" eb="7">
      <t>オダワラジョウホクコウギョウ</t>
    </rPh>
    <rPh sb="7" eb="9">
      <t>コウトウ</t>
    </rPh>
    <rPh sb="9" eb="11">
      <t>ガッコウ</t>
    </rPh>
    <rPh sb="12" eb="16">
      <t>コウホウレンケイ</t>
    </rPh>
    <rPh sb="21" eb="23">
      <t>オオイ</t>
    </rPh>
    <rPh sb="23" eb="27">
      <t>コウトウガッコウ</t>
    </rPh>
    <phoneticPr fontId="5"/>
  </si>
  <si>
    <t>《令和７年度「かながわ教育月間」教育イベント一覧》【県立学校】</t>
    <rPh sb="1" eb="3">
      <t>レイワ</t>
    </rPh>
    <rPh sb="4" eb="5">
      <t>ネン</t>
    </rPh>
    <rPh sb="5" eb="6">
      <t>ド</t>
    </rPh>
    <rPh sb="11" eb="13">
      <t>キョウイク</t>
    </rPh>
    <rPh sb="13" eb="15">
      <t>ゲッカン</t>
    </rPh>
    <rPh sb="16" eb="18">
      <t>キョウイク</t>
    </rPh>
    <rPh sb="22" eb="24">
      <t>イチラン</t>
    </rPh>
    <rPh sb="26" eb="28">
      <t>ケンリツ</t>
    </rPh>
    <rPh sb="28" eb="30">
      <t>ガッコウ</t>
    </rPh>
    <phoneticPr fontId="5"/>
  </si>
  <si>
    <t>茅ヶ崎市</t>
    <phoneticPr fontId="5"/>
  </si>
  <si>
    <t>(4)イベントの概要</t>
    <rPh sb="8" eb="10">
      <t>ガイヨウ</t>
    </rPh>
    <phoneticPr fontId="5"/>
  </si>
  <si>
    <t>(12)
問合せ先（名称）</t>
  </si>
  <si>
    <t>(12)
問合せ先（名称）</t>
    <phoneticPr fontId="5"/>
  </si>
  <si>
    <t>(2)イベントの名称</t>
  </si>
  <si>
    <t>(5-1)
開催開始日</t>
  </si>
  <si>
    <t>(5-2)
開催終了日</t>
  </si>
  <si>
    <t>(6)開催場所
（施設名称）</t>
  </si>
  <si>
    <t>(7)アクセス
（最寄り駅等）</t>
  </si>
  <si>
    <t>(8)主催機関</t>
  </si>
  <si>
    <t>(9)参加対象・条件</t>
  </si>
  <si>
    <t>(10)料金</t>
  </si>
  <si>
    <t>(13)イベントURL</t>
  </si>
  <si>
    <t>2025/10/18
2025/11/15</t>
  </si>
  <si>
    <t>2025/10/18
2025/11/15</t>
    <phoneticPr fontId="5"/>
  </si>
  <si>
    <t>新城高等学校</t>
  </si>
  <si>
    <t>https://www.pen-kanagawa.ed.jp/shinjo-h/</t>
  </si>
  <si>
    <t>一般の方</t>
    <rPh sb="0" eb="2">
      <t>イッパン</t>
    </rPh>
    <rPh sb="3" eb="4">
      <t>カタ</t>
    </rPh>
    <phoneticPr fontId="5"/>
  </si>
  <si>
    <t>南足柄市</t>
  </si>
  <si>
    <t>学校説明会</t>
    <rPh sb="0" eb="2">
      <t>ガッコウ</t>
    </rPh>
    <rPh sb="2" eb="5">
      <t>セツメイカイ</t>
    </rPh>
    <phoneticPr fontId="2"/>
  </si>
  <si>
    <t>県立足柄高等学校</t>
    <rPh sb="0" eb="2">
      <t>ケンリツ</t>
    </rPh>
    <rPh sb="2" eb="8">
      <t>アシガラコウトウガッコウ</t>
    </rPh>
    <phoneticPr fontId="2"/>
  </si>
  <si>
    <t>大雄山駅または新松田駅よりバス</t>
    <rPh sb="0" eb="3">
      <t>ダイユウザン</t>
    </rPh>
    <rPh sb="3" eb="4">
      <t>エキ</t>
    </rPh>
    <rPh sb="7" eb="10">
      <t>シンマツダ</t>
    </rPh>
    <rPh sb="10" eb="11">
      <t>エキ</t>
    </rPh>
    <phoneticPr fontId="2"/>
  </si>
  <si>
    <t>中学校3年生とその保護者</t>
    <rPh sb="0" eb="3">
      <t>チュウガッコウ</t>
    </rPh>
    <rPh sb="4" eb="5">
      <t>ネン</t>
    </rPh>
    <rPh sb="5" eb="6">
      <t>セイ</t>
    </rPh>
    <rPh sb="9" eb="11">
      <t>ホゴ</t>
    </rPh>
    <rPh sb="11" eb="12">
      <t>シャ</t>
    </rPh>
    <phoneticPr fontId="2"/>
  </si>
  <si>
    <t>https://www.pen-kanagawa.ed.jp/ashgara-h/</t>
  </si>
  <si>
    <t>学校説明会を通して、インクルーシブ教育実践推進校としての本校の取り組みを知っていただきます。</t>
    <rPh sb="0" eb="2">
      <t>ガッコウ</t>
    </rPh>
    <rPh sb="2" eb="5">
      <t>セツメイカイ</t>
    </rPh>
    <rPh sb="6" eb="7">
      <t>トオ</t>
    </rPh>
    <rPh sb="17" eb="19">
      <t>キョウイク</t>
    </rPh>
    <rPh sb="19" eb="21">
      <t>ジッセン</t>
    </rPh>
    <rPh sb="21" eb="23">
      <t>スイシン</t>
    </rPh>
    <rPh sb="23" eb="24">
      <t>コウ</t>
    </rPh>
    <rPh sb="28" eb="30">
      <t>ホンコウ</t>
    </rPh>
    <rPh sb="31" eb="32">
      <t>ト</t>
    </rPh>
    <rPh sb="33" eb="34">
      <t>ク</t>
    </rPh>
    <rPh sb="36" eb="37">
      <t>シ</t>
    </rPh>
    <phoneticPr fontId="2"/>
  </si>
  <si>
    <t>オープンスクール　学校説明会</t>
    <rPh sb="9" eb="11">
      <t>ガッコウ</t>
    </rPh>
    <rPh sb="11" eb="14">
      <t>セツメイカイ</t>
    </rPh>
    <phoneticPr fontId="5"/>
  </si>
  <si>
    <t>本校の教育活動について説明します。</t>
  </si>
  <si>
    <t>湘南高等学校</t>
  </si>
  <si>
    <t>藤沢本町</t>
  </si>
  <si>
    <t xml:space="preserve">2025/9/27
2025/10/25
</t>
    <phoneticPr fontId="5"/>
  </si>
  <si>
    <t>https://www.pen-kanagawa.ed.jp/shonan-h/zennichi/documents/r7setsumeikai02.pdf</t>
    <phoneticPr fontId="5"/>
  </si>
  <si>
    <t>2025/10/4
2025/10/25</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m/d;@"/>
  </numFmts>
  <fonts count="20" x14ac:knownFonts="1">
    <font>
      <sz val="11"/>
      <name val="ＭＳ Ｐゴシック"/>
      <family val="3"/>
      <charset val="128"/>
    </font>
    <font>
      <sz val="12"/>
      <color theme="1"/>
      <name val="ＭＳ 明朝"/>
      <family val="2"/>
      <charset val="128"/>
    </font>
    <font>
      <sz val="11"/>
      <color theme="1"/>
      <name val="游ゴシック"/>
      <family val="3"/>
      <charset val="128"/>
      <scheme val="minor"/>
    </font>
    <font>
      <sz val="6"/>
      <name val="ＭＳ 明朝"/>
      <family val="2"/>
      <charset val="128"/>
    </font>
    <font>
      <sz val="11"/>
      <name val="ＭＳ Ｐゴシック"/>
      <family val="3"/>
      <charset val="128"/>
    </font>
    <font>
      <sz val="6"/>
      <name val="ＭＳ Ｐゴシック"/>
      <family val="3"/>
      <charset val="128"/>
    </font>
    <font>
      <u/>
      <sz val="14"/>
      <color indexed="12"/>
      <name val="メイリオ"/>
      <family val="3"/>
      <charset val="128"/>
    </font>
    <font>
      <sz val="12"/>
      <name val="ＭＳ Ｐゴシック"/>
      <family val="3"/>
      <charset val="128"/>
    </font>
    <font>
      <sz val="11"/>
      <name val="ＭＳ 明朝"/>
      <family val="1"/>
      <charset val="128"/>
    </font>
    <font>
      <sz val="10"/>
      <color theme="1"/>
      <name val="ＭＳ Ｐゴシック"/>
      <family val="3"/>
      <charset val="128"/>
    </font>
    <font>
      <sz val="10"/>
      <name val="ＭＳ Ｐゴシック"/>
      <family val="3"/>
      <charset val="128"/>
    </font>
    <font>
      <u/>
      <sz val="11"/>
      <color indexed="12"/>
      <name val="ＭＳ Ｐゴシック"/>
      <family val="3"/>
      <charset val="128"/>
    </font>
    <font>
      <u/>
      <sz val="9"/>
      <color indexed="12"/>
      <name val="ＭＳ Ｐゴシック"/>
      <family val="3"/>
      <charset val="128"/>
    </font>
    <font>
      <u/>
      <sz val="10"/>
      <color indexed="12"/>
      <name val="ＭＳ Ｐゴシック"/>
      <family val="3"/>
      <charset val="128"/>
    </font>
    <font>
      <sz val="11"/>
      <color theme="1"/>
      <name val="ＭＳ Ｐゴシック"/>
      <family val="3"/>
      <charset val="128"/>
    </font>
    <font>
      <sz val="11"/>
      <color rgb="FF000000"/>
      <name val="ＭＳ Ｐゴシック"/>
      <family val="3"/>
      <charset val="128"/>
    </font>
    <font>
      <sz val="9"/>
      <color theme="1"/>
      <name val="ＭＳ Ｐゴシック"/>
      <family val="3"/>
      <charset val="128"/>
    </font>
    <font>
      <sz val="20"/>
      <name val="ＭＳ Ｐゴシック"/>
      <family val="3"/>
      <charset val="128"/>
    </font>
    <font>
      <sz val="11"/>
      <color rgb="FF0000FF"/>
      <name val="ＭＳ Ｐゴシック"/>
      <family val="3"/>
      <charset val="128"/>
    </font>
    <font>
      <u/>
      <sz val="10"/>
      <color indexed="12"/>
      <name val="ＭＳ ゴシック"/>
      <family val="3"/>
      <charset val="128"/>
    </font>
  </fonts>
  <fills count="3">
    <fill>
      <patternFill patternType="none"/>
    </fill>
    <fill>
      <patternFill patternType="gray125"/>
    </fill>
    <fill>
      <patternFill patternType="solid">
        <fgColor theme="4" tint="0.59999389629810485"/>
        <bgColor indexed="64"/>
      </patternFill>
    </fill>
  </fills>
  <borders count="9">
    <border>
      <left/>
      <right/>
      <top/>
      <bottom/>
      <diagonal/>
    </border>
    <border>
      <left/>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double">
        <color indexed="64"/>
      </top>
      <bottom/>
      <diagonal/>
    </border>
    <border>
      <left style="thin">
        <color indexed="64"/>
      </left>
      <right style="thin">
        <color indexed="64"/>
      </right>
      <top/>
      <bottom/>
      <diagonal/>
    </border>
  </borders>
  <cellStyleXfs count="5">
    <xf numFmtId="0" fontId="0" fillId="0" borderId="0">
      <alignment vertical="center"/>
    </xf>
    <xf numFmtId="0" fontId="2" fillId="0" borderId="0">
      <alignment vertical="center"/>
    </xf>
    <xf numFmtId="0" fontId="6" fillId="0" borderId="0" applyNumberFormat="0" applyFill="0" applyBorder="0" applyAlignment="0" applyProtection="0">
      <alignment vertical="top"/>
      <protection locked="0"/>
    </xf>
    <xf numFmtId="0" fontId="1" fillId="0" borderId="0">
      <alignment vertical="center"/>
    </xf>
    <xf numFmtId="0" fontId="8" fillId="0" borderId="0"/>
  </cellStyleXfs>
  <cellXfs count="78">
    <xf numFmtId="0" fontId="0" fillId="0" borderId="0" xfId="0">
      <alignment vertical="center"/>
    </xf>
    <xf numFmtId="49" fontId="11" fillId="0" borderId="4" xfId="2" applyNumberFormat="1" applyFont="1" applyFill="1" applyBorder="1" applyAlignment="1" applyProtection="1">
      <alignment vertical="center" wrapText="1"/>
    </xf>
    <xf numFmtId="49" fontId="12" fillId="0" borderId="4" xfId="2" applyNumberFormat="1" applyFont="1" applyFill="1" applyBorder="1" applyAlignment="1" applyProtection="1">
      <alignment vertical="center" wrapText="1"/>
    </xf>
    <xf numFmtId="49" fontId="13" fillId="0" borderId="4" xfId="2" applyNumberFormat="1" applyFont="1" applyFill="1" applyBorder="1" applyAlignment="1" applyProtection="1">
      <alignment vertical="center" wrapText="1"/>
    </xf>
    <xf numFmtId="49" fontId="12" fillId="0" borderId="3" xfId="2" applyNumberFormat="1" applyFont="1" applyFill="1" applyBorder="1" applyAlignment="1" applyProtection="1">
      <alignment vertical="center" wrapText="1"/>
    </xf>
    <xf numFmtId="0" fontId="14" fillId="0" borderId="3" xfId="1" applyFont="1" applyBorder="1" applyAlignment="1" applyProtection="1">
      <alignment vertical="center" wrapText="1"/>
    </xf>
    <xf numFmtId="49" fontId="14" fillId="0" borderId="4" xfId="1" applyNumberFormat="1" applyFont="1" applyFill="1" applyBorder="1" applyAlignment="1" applyProtection="1">
      <alignment vertical="center" wrapText="1"/>
    </xf>
    <xf numFmtId="176" fontId="14" fillId="0" borderId="3" xfId="1" applyNumberFormat="1" applyFont="1" applyBorder="1" applyAlignment="1" applyProtection="1">
      <alignment vertical="center" shrinkToFit="1"/>
    </xf>
    <xf numFmtId="49" fontId="14" fillId="0" borderId="3" xfId="1" applyNumberFormat="1" applyFont="1" applyBorder="1" applyAlignment="1" applyProtection="1">
      <alignment horizontal="center" vertical="center" wrapText="1"/>
    </xf>
    <xf numFmtId="0" fontId="14" fillId="0" borderId="3" xfId="1" applyFont="1" applyFill="1" applyBorder="1" applyAlignment="1" applyProtection="1">
      <alignment vertical="center" wrapText="1"/>
    </xf>
    <xf numFmtId="49" fontId="14" fillId="0" borderId="3" xfId="1" applyNumberFormat="1" applyFont="1" applyFill="1" applyBorder="1" applyAlignment="1" applyProtection="1">
      <alignment vertical="center" wrapText="1"/>
    </xf>
    <xf numFmtId="49" fontId="13" fillId="0" borderId="3" xfId="2" applyNumberFormat="1" applyFont="1" applyFill="1" applyBorder="1" applyAlignment="1" applyProtection="1">
      <alignment vertical="center" wrapText="1" shrinkToFit="1"/>
    </xf>
    <xf numFmtId="49" fontId="13" fillId="0" borderId="3" xfId="2" applyNumberFormat="1" applyFont="1" applyFill="1" applyBorder="1" applyAlignment="1" applyProtection="1">
      <alignment vertical="center" wrapText="1"/>
    </xf>
    <xf numFmtId="49" fontId="13" fillId="0" borderId="4" xfId="2" applyNumberFormat="1" applyFont="1" applyFill="1" applyBorder="1" applyAlignment="1" applyProtection="1">
      <alignment horizontal="left" vertical="top" wrapText="1"/>
    </xf>
    <xf numFmtId="49" fontId="13" fillId="0" borderId="4" xfId="2" applyNumberFormat="1" applyFont="1" applyFill="1" applyBorder="1" applyAlignment="1" applyProtection="1">
      <alignment vertical="center" wrapText="1" shrinkToFit="1"/>
    </xf>
    <xf numFmtId="176" fontId="14" fillId="0" borderId="3" xfId="1" applyNumberFormat="1" applyFont="1" applyBorder="1" applyAlignment="1" applyProtection="1">
      <alignment horizontal="center" vertical="center" shrinkToFit="1"/>
    </xf>
    <xf numFmtId="176" fontId="14" fillId="0" borderId="3" xfId="1" applyNumberFormat="1" applyFont="1" applyFill="1" applyBorder="1" applyAlignment="1" applyProtection="1">
      <alignment horizontal="left" vertical="center" shrinkToFit="1"/>
    </xf>
    <xf numFmtId="49" fontId="13" fillId="0" borderId="4" xfId="2" applyNumberFormat="1" applyFont="1" applyFill="1" applyBorder="1" applyAlignment="1" applyProtection="1">
      <alignment vertical="top" wrapText="1"/>
    </xf>
    <xf numFmtId="49" fontId="13" fillId="0" borderId="0" xfId="2" applyNumberFormat="1" applyFont="1" applyFill="1" applyBorder="1" applyAlignment="1" applyProtection="1">
      <alignment vertical="center" wrapText="1"/>
    </xf>
    <xf numFmtId="49" fontId="14" fillId="0" borderId="4" xfId="1" applyNumberFormat="1" applyFont="1" applyFill="1" applyBorder="1" applyAlignment="1">
      <alignment vertical="center" wrapText="1"/>
    </xf>
    <xf numFmtId="0" fontId="14" fillId="0" borderId="3" xfId="1" applyFont="1" applyFill="1" applyBorder="1" applyAlignment="1" applyProtection="1">
      <alignment horizontal="center" vertical="center" wrapText="1"/>
    </xf>
    <xf numFmtId="49" fontId="14" fillId="0" borderId="3" xfId="1" applyNumberFormat="1" applyFont="1" applyFill="1" applyBorder="1" applyAlignment="1" applyProtection="1">
      <alignment horizontal="center" vertical="center" wrapText="1"/>
    </xf>
    <xf numFmtId="0" fontId="14" fillId="0" borderId="3" xfId="1" applyFont="1" applyFill="1" applyBorder="1" applyAlignment="1">
      <alignment vertical="center" wrapText="1"/>
    </xf>
    <xf numFmtId="176" fontId="14" fillId="0" borderId="3" xfId="1" applyNumberFormat="1" applyFont="1" applyFill="1" applyBorder="1" applyAlignment="1">
      <alignment vertical="center" shrinkToFit="1"/>
    </xf>
    <xf numFmtId="49" fontId="14" fillId="0" borderId="3" xfId="1" applyNumberFormat="1" applyFont="1" applyFill="1" applyBorder="1" applyAlignment="1">
      <alignment horizontal="center" vertical="center" wrapText="1"/>
    </xf>
    <xf numFmtId="176" fontId="14" fillId="0" borderId="3" xfId="1" applyNumberFormat="1" applyFont="1" applyFill="1" applyBorder="1" applyAlignment="1">
      <alignment vertical="center" wrapText="1" shrinkToFit="1"/>
    </xf>
    <xf numFmtId="49" fontId="14" fillId="0" borderId="3" xfId="1" applyNumberFormat="1" applyFont="1" applyFill="1" applyBorder="1" applyAlignment="1">
      <alignment vertical="center" wrapText="1"/>
    </xf>
    <xf numFmtId="0" fontId="14" fillId="0" borderId="4" xfId="1" applyFont="1" applyFill="1" applyBorder="1" applyAlignment="1" applyProtection="1">
      <alignment vertical="center" wrapText="1"/>
    </xf>
    <xf numFmtId="0" fontId="15" fillId="0" borderId="3" xfId="0" applyFont="1" applyFill="1" applyBorder="1" applyAlignment="1">
      <alignment vertical="center" wrapText="1"/>
    </xf>
    <xf numFmtId="0" fontId="15" fillId="0" borderId="3" xfId="0" applyFont="1" applyFill="1" applyBorder="1" applyAlignment="1">
      <alignment horizontal="center" vertical="center" wrapText="1"/>
    </xf>
    <xf numFmtId="0" fontId="13" fillId="0" borderId="4" xfId="2" applyFont="1" applyFill="1" applyBorder="1" applyAlignment="1" applyProtection="1">
      <alignment vertical="center" wrapText="1"/>
    </xf>
    <xf numFmtId="0" fontId="14" fillId="0" borderId="4" xfId="1" applyFont="1" applyFill="1" applyBorder="1" applyAlignment="1">
      <alignment vertical="center" wrapText="1"/>
    </xf>
    <xf numFmtId="0" fontId="4" fillId="0" borderId="3" xfId="1" applyFont="1" applyFill="1" applyBorder="1" applyAlignment="1" applyProtection="1">
      <alignment vertical="center" wrapText="1"/>
      <protection locked="0"/>
    </xf>
    <xf numFmtId="49" fontId="13" fillId="0" borderId="4" xfId="2" applyNumberFormat="1" applyFont="1" applyFill="1" applyBorder="1" applyAlignment="1" applyProtection="1">
      <alignment vertical="center" wrapText="1"/>
      <protection locked="0"/>
    </xf>
    <xf numFmtId="0" fontId="16" fillId="0" borderId="3" xfId="1" applyFont="1" applyFill="1" applyBorder="1" applyAlignment="1">
      <alignment vertical="center" wrapText="1"/>
    </xf>
    <xf numFmtId="0" fontId="9" fillId="0" borderId="4" xfId="1" applyFont="1" applyFill="1" applyBorder="1" applyAlignment="1">
      <alignment vertical="center" wrapText="1"/>
    </xf>
    <xf numFmtId="0" fontId="14" fillId="0" borderId="3" xfId="1" applyFont="1" applyFill="1" applyBorder="1" applyAlignment="1">
      <alignment vertical="center" wrapText="1" shrinkToFit="1"/>
    </xf>
    <xf numFmtId="0" fontId="14" fillId="0" borderId="3" xfId="1" applyFont="1" applyFill="1" applyBorder="1" applyAlignment="1" applyProtection="1">
      <alignment vertical="center" wrapText="1"/>
      <protection locked="0"/>
    </xf>
    <xf numFmtId="176" fontId="14" fillId="0" borderId="3" xfId="1" applyNumberFormat="1" applyFont="1" applyFill="1" applyBorder="1" applyAlignment="1" applyProtection="1">
      <alignment horizontal="center" vertical="center" shrinkToFit="1"/>
    </xf>
    <xf numFmtId="176" fontId="14" fillId="0" borderId="3" xfId="1" applyNumberFormat="1" applyFont="1" applyFill="1" applyBorder="1" applyAlignment="1">
      <alignment horizontal="left" vertical="center" shrinkToFit="1"/>
    </xf>
    <xf numFmtId="0" fontId="14" fillId="0" borderId="3" xfId="1" applyFont="1" applyFill="1" applyBorder="1" applyAlignment="1" applyProtection="1">
      <alignment horizontal="left" vertical="center" wrapText="1"/>
    </xf>
    <xf numFmtId="0" fontId="4" fillId="0" borderId="3" xfId="0" applyFont="1" applyFill="1" applyBorder="1" applyAlignment="1">
      <alignment vertical="center" wrapText="1"/>
    </xf>
    <xf numFmtId="176" fontId="14" fillId="0" borderId="3" xfId="1" applyNumberFormat="1" applyFont="1" applyFill="1" applyBorder="1" applyAlignment="1" applyProtection="1">
      <alignment horizontal="left" vertical="center" wrapText="1" shrinkToFit="1"/>
    </xf>
    <xf numFmtId="0" fontId="4" fillId="0" borderId="3" xfId="2" applyFont="1" applyFill="1" applyBorder="1" applyAlignment="1" applyProtection="1">
      <alignment horizontal="left" vertical="center" wrapText="1" shrinkToFit="1"/>
    </xf>
    <xf numFmtId="49" fontId="14" fillId="0" borderId="3" xfId="1" applyNumberFormat="1" applyFont="1" applyFill="1" applyBorder="1" applyAlignment="1" applyProtection="1">
      <alignment horizontal="left" vertical="center" shrinkToFit="1"/>
    </xf>
    <xf numFmtId="176" fontId="14" fillId="0" borderId="3" xfId="1" applyNumberFormat="1" applyFont="1" applyFill="1" applyBorder="1" applyAlignment="1">
      <alignment horizontal="left" vertical="center" wrapText="1" shrinkToFit="1"/>
    </xf>
    <xf numFmtId="176" fontId="14" fillId="0" borderId="3" xfId="1" applyNumberFormat="1" applyFont="1" applyFill="1" applyBorder="1" applyAlignment="1">
      <alignment horizontal="left" vertical="center" wrapText="1"/>
    </xf>
    <xf numFmtId="49" fontId="14" fillId="0" borderId="3" xfId="1" applyNumberFormat="1" applyFont="1" applyFill="1" applyBorder="1" applyAlignment="1">
      <alignment horizontal="left" vertical="center" shrinkToFit="1"/>
    </xf>
    <xf numFmtId="0" fontId="13" fillId="0" borderId="3" xfId="2" applyFont="1" applyFill="1" applyBorder="1" applyAlignment="1" applyProtection="1">
      <alignment vertical="center" wrapText="1"/>
    </xf>
    <xf numFmtId="0" fontId="14" fillId="0" borderId="3" xfId="1" applyFont="1" applyFill="1" applyBorder="1" applyAlignment="1" applyProtection="1">
      <alignment horizontal="center" vertical="center"/>
    </xf>
    <xf numFmtId="0" fontId="0" fillId="0" borderId="3" xfId="1" applyFont="1" applyFill="1" applyBorder="1" applyAlignment="1" applyProtection="1">
      <alignment vertical="center" wrapText="1"/>
      <protection locked="0"/>
    </xf>
    <xf numFmtId="0" fontId="14" fillId="0" borderId="3" xfId="1" applyFont="1" applyBorder="1" applyAlignment="1" applyProtection="1">
      <alignment horizontal="left" vertical="center" wrapText="1"/>
    </xf>
    <xf numFmtId="0" fontId="14" fillId="0" borderId="5" xfId="1" applyFont="1" applyBorder="1" applyAlignment="1" applyProtection="1">
      <alignment vertical="center" wrapText="1"/>
    </xf>
    <xf numFmtId="176" fontId="14" fillId="0" borderId="3" xfId="1" applyNumberFormat="1" applyFont="1" applyBorder="1" applyAlignment="1" applyProtection="1">
      <alignment horizontal="left" vertical="center" shrinkToFit="1"/>
    </xf>
    <xf numFmtId="0" fontId="9" fillId="0" borderId="3" xfId="1" applyFont="1" applyFill="1" applyBorder="1" applyAlignment="1">
      <alignment vertical="center" wrapText="1"/>
    </xf>
    <xf numFmtId="176" fontId="14" fillId="0" borderId="4" xfId="1" applyNumberFormat="1" applyFont="1" applyFill="1" applyBorder="1" applyAlignment="1" applyProtection="1">
      <alignment horizontal="left" vertical="center" shrinkToFit="1"/>
    </xf>
    <xf numFmtId="49" fontId="14" fillId="0" borderId="4" xfId="1" applyNumberFormat="1" applyFont="1" applyFill="1" applyBorder="1" applyAlignment="1" applyProtection="1">
      <alignment horizontal="center" vertical="center" wrapText="1"/>
    </xf>
    <xf numFmtId="0" fontId="14" fillId="0" borderId="5" xfId="1" applyFont="1" applyFill="1" applyBorder="1" applyAlignment="1" applyProtection="1">
      <alignment vertical="center" wrapText="1"/>
    </xf>
    <xf numFmtId="0" fontId="14" fillId="0" borderId="3" xfId="1" applyFont="1" applyFill="1" applyBorder="1" applyAlignment="1">
      <alignment horizontal="left" vertical="center" wrapText="1"/>
    </xf>
    <xf numFmtId="0" fontId="14" fillId="0" borderId="4" xfId="1" applyFont="1" applyFill="1" applyBorder="1" applyAlignment="1" applyProtection="1">
      <alignment horizontal="left" vertical="center" wrapText="1"/>
    </xf>
    <xf numFmtId="49" fontId="14" fillId="0" borderId="3" xfId="1" applyNumberFormat="1" applyFont="1" applyFill="1" applyBorder="1" applyAlignment="1" applyProtection="1">
      <alignment horizontal="left" vertical="center" wrapText="1"/>
    </xf>
    <xf numFmtId="0" fontId="0" fillId="0" borderId="0" xfId="0" applyFont="1">
      <alignment vertical="center"/>
    </xf>
    <xf numFmtId="49" fontId="0" fillId="2" borderId="2" xfId="1" applyNumberFormat="1" applyFont="1" applyFill="1" applyBorder="1" applyAlignment="1" applyProtection="1">
      <alignment vertical="center" wrapText="1"/>
    </xf>
    <xf numFmtId="0" fontId="0" fillId="2" borderId="2" xfId="1" applyFont="1" applyFill="1" applyBorder="1" applyAlignment="1" applyProtection="1">
      <alignment vertical="center" wrapText="1"/>
    </xf>
    <xf numFmtId="49" fontId="10" fillId="2" borderId="2" xfId="1" applyNumberFormat="1" applyFont="1" applyFill="1" applyBorder="1" applyAlignment="1" applyProtection="1">
      <alignment vertical="center" wrapText="1"/>
    </xf>
    <xf numFmtId="0" fontId="18" fillId="0" borderId="0" xfId="0" applyFont="1">
      <alignment vertical="center"/>
    </xf>
    <xf numFmtId="176" fontId="14" fillId="0" borderId="6" xfId="1" applyNumberFormat="1" applyFont="1" applyFill="1" applyBorder="1" applyAlignment="1" applyProtection="1">
      <alignment horizontal="left" vertical="center" shrinkToFit="1"/>
    </xf>
    <xf numFmtId="0" fontId="0" fillId="0" borderId="3" xfId="2" applyFont="1" applyFill="1" applyBorder="1" applyAlignment="1" applyProtection="1">
      <alignment horizontal="left" vertical="center" wrapText="1" shrinkToFit="1"/>
    </xf>
    <xf numFmtId="49" fontId="4" fillId="0" borderId="4" xfId="2" applyNumberFormat="1" applyFont="1" applyFill="1" applyBorder="1" applyAlignment="1" applyProtection="1">
      <alignment vertical="center" wrapText="1"/>
    </xf>
    <xf numFmtId="0" fontId="19" fillId="0" borderId="7" xfId="2" applyFont="1" applyBorder="1" applyAlignment="1" applyProtection="1">
      <alignment vertical="center" wrapText="1"/>
    </xf>
    <xf numFmtId="0" fontId="19" fillId="0" borderId="3" xfId="2" applyFont="1" applyBorder="1" applyAlignment="1" applyProtection="1">
      <alignment vertical="center" wrapText="1"/>
    </xf>
    <xf numFmtId="49" fontId="11" fillId="0" borderId="8" xfId="2" applyNumberFormat="1" applyFont="1" applyFill="1" applyBorder="1" applyAlignment="1" applyProtection="1">
      <alignment vertical="center" wrapText="1"/>
    </xf>
    <xf numFmtId="0" fontId="17" fillId="0" borderId="1" xfId="0" applyFont="1" applyBorder="1" applyAlignment="1">
      <alignment horizontal="center" vertical="center"/>
    </xf>
    <xf numFmtId="0" fontId="4" fillId="0" borderId="3" xfId="1" applyFont="1" applyFill="1" applyBorder="1" applyAlignment="1">
      <alignment horizontal="left" vertical="center" wrapText="1"/>
    </xf>
    <xf numFmtId="0" fontId="4" fillId="0" borderId="3" xfId="1" applyFont="1" applyFill="1" applyBorder="1" applyAlignment="1">
      <alignment vertical="center" wrapText="1"/>
    </xf>
    <xf numFmtId="49" fontId="4" fillId="0" borderId="4" xfId="1" applyNumberFormat="1" applyFont="1" applyFill="1" applyBorder="1" applyAlignment="1">
      <alignment vertical="center" wrapText="1"/>
    </xf>
    <xf numFmtId="176" fontId="4" fillId="0" borderId="3" xfId="1" applyNumberFormat="1" applyFont="1" applyFill="1" applyBorder="1" applyAlignment="1">
      <alignment horizontal="left" vertical="center" wrapText="1" shrinkToFit="1"/>
    </xf>
    <xf numFmtId="49" fontId="4" fillId="0" borderId="3" xfId="1" applyNumberFormat="1" applyFont="1" applyFill="1" applyBorder="1" applyAlignment="1">
      <alignment horizontal="center" vertical="center" wrapText="1"/>
    </xf>
  </cellXfs>
  <cellStyles count="5">
    <cellStyle name="ハイパーリンク" xfId="2" builtinId="8"/>
    <cellStyle name="標準" xfId="0" builtinId="0"/>
    <cellStyle name="標準 2" xfId="3"/>
    <cellStyle name="標準 2 2" xfId="4"/>
    <cellStyle name="標準 3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s://www.pen-kanagawa.ed.jp/y-seiryo-h/" TargetMode="External"/><Relationship Id="rId18" Type="http://schemas.openxmlformats.org/officeDocument/2006/relationships/hyperlink" Target="https://www.pen-kanagawa.ed.jp/kawasakikoka-th/index.html" TargetMode="External"/><Relationship Id="rId26" Type="http://schemas.openxmlformats.org/officeDocument/2006/relationships/hyperlink" Target="https://www.pen-kanagawa.ed.jp/yokosukaotsu-h" TargetMode="External"/><Relationship Id="rId39" Type="http://schemas.openxmlformats.org/officeDocument/2006/relationships/hyperlink" Target="https://www.pen-kanagawa.ed.jp/isogo-th/zennichi/index.html" TargetMode="External"/><Relationship Id="rId21" Type="http://schemas.openxmlformats.org/officeDocument/2006/relationships/hyperlink" Target="https://www.pen-kanagawa.ed.jp/oppama-h/" TargetMode="External"/><Relationship Id="rId34" Type="http://schemas.openxmlformats.org/officeDocument/2006/relationships/hyperlink" Target="https://www.pen-kanagawa.ed.jp/shinjo-h/" TargetMode="External"/><Relationship Id="rId42" Type="http://schemas.openxmlformats.org/officeDocument/2006/relationships/hyperlink" Target="https://www.pen-kanagawa.ed.jp/hadano-h/" TargetMode="External"/><Relationship Id="rId47" Type="http://schemas.openxmlformats.org/officeDocument/2006/relationships/hyperlink" Target="https://www.pen-kanagawa.ed.jp/miurahasse-h/" TargetMode="External"/><Relationship Id="rId50" Type="http://schemas.openxmlformats.org/officeDocument/2006/relationships/hyperlink" Target="https://www.pen-kanagawa.ed.jp/atsugikita-h/" TargetMode="External"/><Relationship Id="rId55" Type="http://schemas.openxmlformats.org/officeDocument/2006/relationships/printerSettings" Target="../printerSettings/printerSettings1.bin"/><Relationship Id="rId7" Type="http://schemas.openxmlformats.org/officeDocument/2006/relationships/hyperlink" Target="https://www.pen-kanagawa.ed.jp/kawawa-h/" TargetMode="External"/><Relationship Id="rId2" Type="http://schemas.openxmlformats.org/officeDocument/2006/relationships/hyperlink" Target="https://www.pen-kanagawa.ed.jp/sagamiharachuo-sh/chiiki/index.html" TargetMode="External"/><Relationship Id="rId16" Type="http://schemas.openxmlformats.org/officeDocument/2006/relationships/hyperlink" Target="https://www.pen-kanagawa.ed.jp/hakuyo-h/nyugaku/briefing2022.html" TargetMode="External"/><Relationship Id="rId29" Type="http://schemas.openxmlformats.org/officeDocument/2006/relationships/hyperlink" Target="https://www.pen-kanagawa.ed.jp/ninomiya-h/" TargetMode="External"/><Relationship Id="rId11" Type="http://schemas.openxmlformats.org/officeDocument/2006/relationships/hyperlink" Target="https://www.pen-kanagawa.ed.jp/kanagawa-th/zennichi/nyugaku/index.html" TargetMode="External"/><Relationship Id="rId24" Type="http://schemas.openxmlformats.org/officeDocument/2006/relationships/hyperlink" Target="https://www.pen-kanagawa.ed.jp/chigasaki-h/zennichi/index.html" TargetMode="External"/><Relationship Id="rId32" Type="http://schemas.openxmlformats.org/officeDocument/2006/relationships/hyperlink" Target="https://www.pen-kanagawa.ed.jp/shoko-h/index.html" TargetMode="External"/><Relationship Id="rId37" Type="http://schemas.openxmlformats.org/officeDocument/2006/relationships/hyperlink" Target="https://www.pen-kanagawa.ed.jp/isogo-th/zennichi/index.html" TargetMode="External"/><Relationship Id="rId40" Type="http://schemas.openxmlformats.org/officeDocument/2006/relationships/hyperlink" Target="https://www.pen-kanagawa.ed.jp/yokohamaseya-h/" TargetMode="External"/><Relationship Id="rId45" Type="http://schemas.openxmlformats.org/officeDocument/2006/relationships/hyperlink" Target="https://www.pen-kanagawa.ed.jp/kanagawasohgoh-h/nyugaku/nyugaku01/n2025.html" TargetMode="External"/><Relationship Id="rId53" Type="http://schemas.openxmlformats.org/officeDocument/2006/relationships/hyperlink" Target="https://www.pen-kanagawa.ed.jp/ashgara-h/" TargetMode="External"/><Relationship Id="rId5" Type="http://schemas.openxmlformats.org/officeDocument/2006/relationships/hyperlink" Target="https://www.pen-kanagawa.ed.jp/ayasenishi-h/index.html" TargetMode="External"/><Relationship Id="rId10" Type="http://schemas.openxmlformats.org/officeDocument/2006/relationships/hyperlink" Target="https://www.pen-kanagawa.ed.jp/fujisawasogo-ih/nyugaku/reiwagosetsumeikai.html" TargetMode="External"/><Relationship Id="rId19" Type="http://schemas.openxmlformats.org/officeDocument/2006/relationships/hyperlink" Target="https://www.pen-kanagawa.ed.jp/kawasakikoka-th/index.html" TargetMode="External"/><Relationship Id="rId31" Type="http://schemas.openxmlformats.org/officeDocument/2006/relationships/hyperlink" Target="https://www.pen-kanagawa.ed.jp/shoko-h/index.html" TargetMode="External"/><Relationship Id="rId44" Type="http://schemas.openxmlformats.org/officeDocument/2006/relationships/hyperlink" Target="https://www.pen-kanagawa.ed.jp/asao-sh/" TargetMode="External"/><Relationship Id="rId52" Type="http://schemas.openxmlformats.org/officeDocument/2006/relationships/hyperlink" Target="https://www.pen-kanagawa.ed.jp/ashgara-h/" TargetMode="External"/><Relationship Id="rId4" Type="http://schemas.openxmlformats.org/officeDocument/2006/relationships/hyperlink" Target="https://www.pen-kanagawa.ed.jp/ayasenishi-h/index.html" TargetMode="External"/><Relationship Id="rId9" Type="http://schemas.openxmlformats.org/officeDocument/2006/relationships/hyperlink" Target="https://www.pen-kanagawa.ed.jp/fujisawasogo-ih/nyugaku/reiwagosetsumeikai.html" TargetMode="External"/><Relationship Id="rId14" Type="http://schemas.openxmlformats.org/officeDocument/2006/relationships/hyperlink" Target="https://www.pen-kanagawa.ed.jp/y-seiryo-h/" TargetMode="External"/><Relationship Id="rId22" Type="http://schemas.openxmlformats.org/officeDocument/2006/relationships/hyperlink" Target="https://www.pen-kanagawa.ed.jp/takahama-h/teiji/index.html" TargetMode="External"/><Relationship Id="rId27" Type="http://schemas.openxmlformats.org/officeDocument/2006/relationships/hyperlink" Target="https://www.pen-kanagawa.ed.jp/yokosukaotsu-h" TargetMode="External"/><Relationship Id="rId30" Type="http://schemas.openxmlformats.org/officeDocument/2006/relationships/hyperlink" Target="https://www.pen-kanagawa.ed.jp/shoko-h/index.html" TargetMode="External"/><Relationship Id="rId35" Type="http://schemas.openxmlformats.org/officeDocument/2006/relationships/hyperlink" Target="https://www.pen-kanagawa.ed.jp/tana-h/nyugaku/2024/setsumeikai2024.html" TargetMode="External"/><Relationship Id="rId43" Type="http://schemas.openxmlformats.org/officeDocument/2006/relationships/hyperlink" Target="https://www.pen-kanagawa.ed.jp/maioka-h/nyugaku/index.html" TargetMode="External"/><Relationship Id="rId48" Type="http://schemas.openxmlformats.org/officeDocument/2006/relationships/hyperlink" Target="https://www.pen-kanagawa.ed.jp/sagamiharayaei-h/nyugaku/index.html" TargetMode="External"/><Relationship Id="rId8" Type="http://schemas.openxmlformats.org/officeDocument/2006/relationships/hyperlink" Target="https://www.pen-kanagawa.ed.jp/kohoku-h/gakkoukenngaku.html" TargetMode="External"/><Relationship Id="rId51" Type="http://schemas.openxmlformats.org/officeDocument/2006/relationships/hyperlink" Target="https://www.pen-kanagawa.ed.jp/atsuginishi-h/nyugaku/20200410chukoenki.html" TargetMode="External"/><Relationship Id="rId3" Type="http://schemas.openxmlformats.org/officeDocument/2006/relationships/hyperlink" Target="https://www.pen-kanagawa.ed.jp/hadanosoya-h/" TargetMode="External"/><Relationship Id="rId12" Type="http://schemas.openxmlformats.org/officeDocument/2006/relationships/hyperlink" Target="https://www.pen-kanagawa.ed.jp/kanagawa-th/zennichi/nyugaku/index.html" TargetMode="External"/><Relationship Id="rId17" Type="http://schemas.openxmlformats.org/officeDocument/2006/relationships/hyperlink" Target="https://www.pen-kanagawa.ed.jp/hakuyo-h/nyugaku/briefing2022.html" TargetMode="External"/><Relationship Id="rId25" Type="http://schemas.openxmlformats.org/officeDocument/2006/relationships/hyperlink" Target="https://www.pen-kanagawa.ed.jp/yokosukaotsu-h" TargetMode="External"/><Relationship Id="rId33" Type="http://schemas.openxmlformats.org/officeDocument/2006/relationships/hyperlink" Target="https://www.pen-kanagawa.ed.jp/hiratsukakoka-th/" TargetMode="External"/><Relationship Id="rId38" Type="http://schemas.openxmlformats.org/officeDocument/2006/relationships/hyperlink" Target="https://www.pen-kanagawa.ed.jp/isogo-th/zennichi/index.html" TargetMode="External"/><Relationship Id="rId46" Type="http://schemas.openxmlformats.org/officeDocument/2006/relationships/hyperlink" Target="https://www.pen-kanagawa.ed.jp/miurahasse-h/" TargetMode="External"/><Relationship Id="rId20" Type="http://schemas.openxmlformats.org/officeDocument/2006/relationships/hyperlink" Target="http://www.pen-kanagawa.ed.jp/sugei-h/" TargetMode="External"/><Relationship Id="rId41" Type="http://schemas.openxmlformats.org/officeDocument/2006/relationships/hyperlink" Target="https://www.pen-kanagawa.ed.jp/yokohamaseya-h/" TargetMode="External"/><Relationship Id="rId54" Type="http://schemas.openxmlformats.org/officeDocument/2006/relationships/hyperlink" Target="https://www.pen-kanagawa.ed.jp/shoko-h/index.html" TargetMode="External"/><Relationship Id="rId1" Type="http://schemas.openxmlformats.org/officeDocument/2006/relationships/hyperlink" Target="https://www.pen-kanagawa.ed.jp/tsukui-h/zennichi/index.html" TargetMode="External"/><Relationship Id="rId6" Type="http://schemas.openxmlformats.org/officeDocument/2006/relationships/hyperlink" Target="https://www.pen-kanagawa.ed.jp/ayasenishi-h/index.html" TargetMode="External"/><Relationship Id="rId15" Type="http://schemas.openxmlformats.org/officeDocument/2006/relationships/hyperlink" Target="https://www.pen-kanagawa.ed.jp/y-seiryo-h/" TargetMode="External"/><Relationship Id="rId23" Type="http://schemas.openxmlformats.org/officeDocument/2006/relationships/hyperlink" Target="https://www.pen-kanagawa.ed.jp/takahama-h/teiji/index.html" TargetMode="External"/><Relationship Id="rId28" Type="http://schemas.openxmlformats.org/officeDocument/2006/relationships/hyperlink" Target="https://www.pen-kanagawa.ed.jp/ninomiya-h/" TargetMode="External"/><Relationship Id="rId36" Type="http://schemas.openxmlformats.org/officeDocument/2006/relationships/hyperlink" Target="https://www.pen-kanagawa.ed.jp/tana-h/nyugaku/2024/setsumeikai2024.html" TargetMode="External"/><Relationship Id="rId49" Type="http://schemas.openxmlformats.org/officeDocument/2006/relationships/hyperlink" Target="https://www.pen-kanagawa.ed.jp/sagamihara-h/" TargetMode="External"/></Relationships>
</file>

<file path=xl/worksheets/_rels/sheet10.xml.rels><?xml version="1.0" encoding="UTF-8" standalone="yes"?>
<Relationships xmlns="http://schemas.openxmlformats.org/package/2006/relationships"><Relationship Id="rId2" Type="http://schemas.openxmlformats.org/officeDocument/2006/relationships/printerSettings" Target="../printerSettings/printerSettings10.bin"/><Relationship Id="rId1" Type="http://schemas.openxmlformats.org/officeDocument/2006/relationships/hyperlink" Target="https://www.pen-kanagawa.ed.jp/chigasaki-h/zennichi/index.html" TargetMode="External"/></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hyperlink" Target="https://www.pen-kanagawa.ed.jp/miurahasse-h/" TargetMode="External"/><Relationship Id="rId1" Type="http://schemas.openxmlformats.org/officeDocument/2006/relationships/hyperlink" Target="https://www.pen-kanagawa.ed.jp/miurahasse-h/" TargetMode="External"/></Relationships>
</file>

<file path=xl/worksheets/_rels/sheet12.xml.rels><?xml version="1.0" encoding="UTF-8" standalone="yes"?>
<Relationships xmlns="http://schemas.openxmlformats.org/package/2006/relationships"><Relationship Id="rId3" Type="http://schemas.openxmlformats.org/officeDocument/2006/relationships/printerSettings" Target="../printerSettings/printerSettings12.bin"/><Relationship Id="rId2" Type="http://schemas.openxmlformats.org/officeDocument/2006/relationships/hyperlink" Target="https://www.pen-kanagawa.ed.jp/hadano-h/" TargetMode="External"/><Relationship Id="rId1" Type="http://schemas.openxmlformats.org/officeDocument/2006/relationships/hyperlink" Target="https://www.pen-kanagawa.ed.jp/hadanosoya-h/" TargetMode="External"/></Relationships>
</file>

<file path=xl/worksheets/_rels/sheet13.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hyperlink" Target="https://www.pen-kanagawa.ed.jp/atsuginishi-h/nyugaku/20200410chukoenki.html" TargetMode="External"/><Relationship Id="rId1" Type="http://schemas.openxmlformats.org/officeDocument/2006/relationships/hyperlink" Target="https://www.pen-kanagawa.ed.jp/atsugikita-h/" TargetMode="External"/></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3" Type="http://schemas.openxmlformats.org/officeDocument/2006/relationships/printerSettings" Target="../printerSettings/printerSettings16.bin"/><Relationship Id="rId2" Type="http://schemas.openxmlformats.org/officeDocument/2006/relationships/hyperlink" Target="https://www.pen-kanagawa.ed.jp/ashgara-h/" TargetMode="External"/><Relationship Id="rId1" Type="http://schemas.openxmlformats.org/officeDocument/2006/relationships/hyperlink" Target="https://www.pen-kanagawa.ed.jp/ashgara-h/" TargetMode="External"/></Relationships>
</file>

<file path=xl/worksheets/_rels/sheet17.xml.rels><?xml version="1.0" encoding="UTF-8" standalone="yes"?>
<Relationships xmlns="http://schemas.openxmlformats.org/package/2006/relationships"><Relationship Id="rId3" Type="http://schemas.openxmlformats.org/officeDocument/2006/relationships/hyperlink" Target="https://www.pen-kanagawa.ed.jp/ayasenishi-h/index.html" TargetMode="External"/><Relationship Id="rId2" Type="http://schemas.openxmlformats.org/officeDocument/2006/relationships/hyperlink" Target="https://www.pen-kanagawa.ed.jp/ayasenishi-h/index.html" TargetMode="External"/><Relationship Id="rId1" Type="http://schemas.openxmlformats.org/officeDocument/2006/relationships/hyperlink" Target="https://www.pen-kanagawa.ed.jp/ayasenishi-h/index.html" TargetMode="External"/><Relationship Id="rId4"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3" Type="http://schemas.openxmlformats.org/officeDocument/2006/relationships/printerSettings" Target="../printerSettings/printerSettings18.bin"/><Relationship Id="rId2" Type="http://schemas.openxmlformats.org/officeDocument/2006/relationships/hyperlink" Target="https://www.pen-kanagawa.ed.jp/ninomiya-h/" TargetMode="External"/><Relationship Id="rId1" Type="http://schemas.openxmlformats.org/officeDocument/2006/relationships/hyperlink" Target="https://www.pen-kanagawa.ed.jp/ninomiya-h/" TargetMode="External"/></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8" Type="http://schemas.openxmlformats.org/officeDocument/2006/relationships/hyperlink" Target="https://www.pen-kanagawa.ed.jp/hakuyo-h/nyugaku/briefing2022.html" TargetMode="External"/><Relationship Id="rId13" Type="http://schemas.openxmlformats.org/officeDocument/2006/relationships/hyperlink" Target="https://www.pen-kanagawa.ed.jp/kanagawasohgoh-h/nyugaku/nyugaku01/n2025.html" TargetMode="External"/><Relationship Id="rId3" Type="http://schemas.openxmlformats.org/officeDocument/2006/relationships/hyperlink" Target="https://www.pen-kanagawa.ed.jp/kanagawa-th/zennichi/nyugaku/index.html" TargetMode="External"/><Relationship Id="rId7" Type="http://schemas.openxmlformats.org/officeDocument/2006/relationships/hyperlink" Target="https://www.pen-kanagawa.ed.jp/y-seiryo-h/" TargetMode="External"/><Relationship Id="rId12" Type="http://schemas.openxmlformats.org/officeDocument/2006/relationships/hyperlink" Target="https://www.pen-kanagawa.ed.jp/maioka-h/nyugaku/index.html" TargetMode="External"/><Relationship Id="rId2" Type="http://schemas.openxmlformats.org/officeDocument/2006/relationships/hyperlink" Target="https://www.pen-kanagawa.ed.jp/kohoku-h/gakkoukenngaku.html" TargetMode="External"/><Relationship Id="rId1" Type="http://schemas.openxmlformats.org/officeDocument/2006/relationships/hyperlink" Target="https://www.pen-kanagawa.ed.jp/kawawa-h/" TargetMode="External"/><Relationship Id="rId6" Type="http://schemas.openxmlformats.org/officeDocument/2006/relationships/hyperlink" Target="https://www.pen-kanagawa.ed.jp/y-seiryo-h/" TargetMode="External"/><Relationship Id="rId11" Type="http://schemas.openxmlformats.org/officeDocument/2006/relationships/hyperlink" Target="https://www.pen-kanagawa.ed.jp/tana-h/nyugaku/2024/setsumeikai2024.html" TargetMode="External"/><Relationship Id="rId5" Type="http://schemas.openxmlformats.org/officeDocument/2006/relationships/hyperlink" Target="https://www.pen-kanagawa.ed.jp/y-seiryo-h/" TargetMode="External"/><Relationship Id="rId10" Type="http://schemas.openxmlformats.org/officeDocument/2006/relationships/hyperlink" Target="https://www.pen-kanagawa.ed.jp/tana-h/nyugaku/2024/setsumeikai2024.html" TargetMode="External"/><Relationship Id="rId4" Type="http://schemas.openxmlformats.org/officeDocument/2006/relationships/hyperlink" Target="https://www.pen-kanagawa.ed.jp/kanagawa-th/zennichi/nyugaku/index.html" TargetMode="External"/><Relationship Id="rId9" Type="http://schemas.openxmlformats.org/officeDocument/2006/relationships/hyperlink" Target="https://www.pen-kanagawa.ed.jp/hakuyo-h/nyugaku/briefing2022.html" TargetMode="External"/><Relationship Id="rId14"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8" Type="http://schemas.openxmlformats.org/officeDocument/2006/relationships/hyperlink" Target="https://www.pen-kanagawa.ed.jp/shoko-h/index.html" TargetMode="External"/><Relationship Id="rId13" Type="http://schemas.openxmlformats.org/officeDocument/2006/relationships/hyperlink" Target="https://www.pen-kanagawa.ed.jp/tsukui-h/zennichi/index.html" TargetMode="External"/><Relationship Id="rId3" Type="http://schemas.openxmlformats.org/officeDocument/2006/relationships/hyperlink" Target="https://www.pen-kanagawa.ed.jp/yokohamaseya-h/" TargetMode="External"/><Relationship Id="rId7" Type="http://schemas.openxmlformats.org/officeDocument/2006/relationships/hyperlink" Target="https://www.pen-kanagawa.ed.jp/hiratsukakoka-th/" TargetMode="External"/><Relationship Id="rId12" Type="http://schemas.openxmlformats.org/officeDocument/2006/relationships/hyperlink" Target="https://www.pen-kanagawa.ed.jp/kawasakikoka-th/index.html" TargetMode="External"/><Relationship Id="rId2" Type="http://schemas.openxmlformats.org/officeDocument/2006/relationships/hyperlink" Target="https://www.pen-kanagawa.ed.jp/yokohamaseya-h/" TargetMode="External"/><Relationship Id="rId1" Type="http://schemas.openxmlformats.org/officeDocument/2006/relationships/hyperlink" Target="https://www.pen-kanagawa.ed.jp/yokohamaseya-h/" TargetMode="External"/><Relationship Id="rId6" Type="http://schemas.openxmlformats.org/officeDocument/2006/relationships/hyperlink" Target="https://www.pen-kanagawa.ed.jp/isogo-th/zennichi/index.html" TargetMode="External"/><Relationship Id="rId11" Type="http://schemas.openxmlformats.org/officeDocument/2006/relationships/hyperlink" Target="https://www.pen-kanagawa.ed.jp/kawasakikoka-th/index.html" TargetMode="External"/><Relationship Id="rId5" Type="http://schemas.openxmlformats.org/officeDocument/2006/relationships/hyperlink" Target="https://www.pen-kanagawa.ed.jp/isogo-th/zennichi/index.html" TargetMode="External"/><Relationship Id="rId10" Type="http://schemas.openxmlformats.org/officeDocument/2006/relationships/hyperlink" Target="https://www.pen-kanagawa.ed.jp/shoko-h/index.html" TargetMode="External"/><Relationship Id="rId4" Type="http://schemas.openxmlformats.org/officeDocument/2006/relationships/hyperlink" Target="https://www.pen-kanagawa.ed.jp/isogo-th/zennichi/index.html" TargetMode="External"/><Relationship Id="rId9" Type="http://schemas.openxmlformats.org/officeDocument/2006/relationships/hyperlink" Target="https://www.pen-kanagawa.ed.jp/shoko-h/index.html" TargetMode="External"/><Relationship Id="rId14" Type="http://schemas.openxmlformats.org/officeDocument/2006/relationships/printerSettings" Target="../printerSettings/printerSettings21.bin"/></Relationships>
</file>

<file path=xl/worksheets/_rels/sheet3.xml.rels><?xml version="1.0" encoding="UTF-8" standalone="yes"?>
<Relationships xmlns="http://schemas.openxmlformats.org/package/2006/relationships"><Relationship Id="rId3" Type="http://schemas.openxmlformats.org/officeDocument/2006/relationships/hyperlink" Target="https://www.pen-kanagawa.ed.jp/asao-sh/" TargetMode="External"/><Relationship Id="rId2" Type="http://schemas.openxmlformats.org/officeDocument/2006/relationships/hyperlink" Target="https://www.pen-kanagawa.ed.jp/shinjo-h/" TargetMode="External"/><Relationship Id="rId1" Type="http://schemas.openxmlformats.org/officeDocument/2006/relationships/hyperlink" Target="http://www.pen-kanagawa.ed.jp/sugei-h/" TargetMode="External"/><Relationship Id="rId4"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hyperlink" Target="https://www.pen-kanagawa.ed.jp/sagamihara-h/" TargetMode="External"/><Relationship Id="rId2" Type="http://schemas.openxmlformats.org/officeDocument/2006/relationships/hyperlink" Target="https://www.pen-kanagawa.ed.jp/sagamiharayaei-h/nyugaku/index.html" TargetMode="External"/><Relationship Id="rId1" Type="http://schemas.openxmlformats.org/officeDocument/2006/relationships/hyperlink" Target="https://www.pen-kanagawa.ed.jp/sagamiharachuo-sh/chiiki/index.html" TargetMode="External"/><Relationship Id="rId4"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hyperlink" Target="https://www.pen-kanagawa.ed.jp/yokosukaotsu-h" TargetMode="External"/><Relationship Id="rId2" Type="http://schemas.openxmlformats.org/officeDocument/2006/relationships/hyperlink" Target="https://www.pen-kanagawa.ed.jp/yokosukaotsu-h" TargetMode="External"/><Relationship Id="rId1" Type="http://schemas.openxmlformats.org/officeDocument/2006/relationships/hyperlink" Target="https://www.pen-kanagawa.ed.jp/oppama-h/" TargetMode="External"/><Relationship Id="rId5" Type="http://schemas.openxmlformats.org/officeDocument/2006/relationships/printerSettings" Target="../printerSettings/printerSettings5.bin"/><Relationship Id="rId4" Type="http://schemas.openxmlformats.org/officeDocument/2006/relationships/hyperlink" Target="https://www.pen-kanagawa.ed.jp/yokosukaotsu-h" TargetMode="External"/></Relationships>
</file>

<file path=xl/worksheets/_rels/sheet6.xml.rels><?xml version="1.0" encoding="UTF-8" standalone="yes"?>
<Relationships xmlns="http://schemas.openxmlformats.org/package/2006/relationships"><Relationship Id="rId3" Type="http://schemas.openxmlformats.org/officeDocument/2006/relationships/printerSettings" Target="../printerSettings/printerSettings6.bin"/><Relationship Id="rId2" Type="http://schemas.openxmlformats.org/officeDocument/2006/relationships/hyperlink" Target="https://www.pen-kanagawa.ed.jp/takahama-h/teiji/index.html" TargetMode="External"/><Relationship Id="rId1" Type="http://schemas.openxmlformats.org/officeDocument/2006/relationships/hyperlink" Target="https://www.pen-kanagawa.ed.jp/takahama-h/teiji/index.html" TargetMode="Externa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printerSettings" Target="../printerSettings/printerSettings8.bin"/><Relationship Id="rId2" Type="http://schemas.openxmlformats.org/officeDocument/2006/relationships/hyperlink" Target="https://www.pen-kanagawa.ed.jp/fujisawasogo-ih/nyugaku/reiwagosetsumeikai.html" TargetMode="External"/><Relationship Id="rId1" Type="http://schemas.openxmlformats.org/officeDocument/2006/relationships/hyperlink" Target="https://www.pen-kanagawa.ed.jp/fujisawasogo-ih/nyugaku/reiwagosetsumeikai.html" TargetMode="Externa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N145"/>
  <sheetViews>
    <sheetView tabSelected="1" zoomScaleNormal="100" workbookViewId="0">
      <pane ySplit="2" topLeftCell="A121" activePane="bottomLeft" state="frozenSplit"/>
      <selection pane="bottomLeft" activeCell="P123" sqref="P123"/>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1</v>
      </c>
      <c r="C2" s="62" t="s">
        <v>2</v>
      </c>
      <c r="D2" s="62" t="s">
        <v>688</v>
      </c>
      <c r="E2" s="62" t="s">
        <v>3</v>
      </c>
      <c r="F2" s="62" t="s">
        <v>4</v>
      </c>
      <c r="G2" s="62" t="s">
        <v>5</v>
      </c>
      <c r="H2" s="62" t="s">
        <v>6</v>
      </c>
      <c r="I2" s="62" t="s">
        <v>7</v>
      </c>
      <c r="J2" s="63" t="s">
        <v>8</v>
      </c>
      <c r="K2" s="62" t="s">
        <v>9</v>
      </c>
      <c r="L2" s="63" t="s">
        <v>10</v>
      </c>
      <c r="M2" s="62" t="s">
        <v>690</v>
      </c>
      <c r="N2" s="64" t="s">
        <v>11</v>
      </c>
    </row>
    <row r="3" spans="1:14" ht="66.599999999999994" thickTop="1" x14ac:dyDescent="0.2">
      <c r="A3" s="40" t="s">
        <v>160</v>
      </c>
      <c r="B3" s="9" t="s">
        <v>161</v>
      </c>
      <c r="C3" s="6" t="s">
        <v>14</v>
      </c>
      <c r="D3" s="9" t="s">
        <v>162</v>
      </c>
      <c r="E3" s="16">
        <v>45920</v>
      </c>
      <c r="F3" s="16">
        <v>45921</v>
      </c>
      <c r="G3" s="9" t="s">
        <v>163</v>
      </c>
      <c r="H3" s="9" t="s">
        <v>164</v>
      </c>
      <c r="I3" s="9" t="s">
        <v>163</v>
      </c>
      <c r="J3" s="9" t="s">
        <v>47</v>
      </c>
      <c r="K3" s="9" t="s">
        <v>18</v>
      </c>
      <c r="L3" s="21" t="s">
        <v>41</v>
      </c>
      <c r="M3" s="9" t="s">
        <v>163</v>
      </c>
      <c r="N3" s="3"/>
    </row>
    <row r="4" spans="1:14" ht="108" x14ac:dyDescent="0.2">
      <c r="A4" s="40" t="s">
        <v>160</v>
      </c>
      <c r="B4" s="9" t="s">
        <v>574</v>
      </c>
      <c r="C4" s="6" t="s">
        <v>14</v>
      </c>
      <c r="D4" s="9" t="s">
        <v>225</v>
      </c>
      <c r="E4" s="16">
        <v>45941</v>
      </c>
      <c r="F4" s="16">
        <v>45941</v>
      </c>
      <c r="G4" s="9" t="s">
        <v>226</v>
      </c>
      <c r="H4" s="9" t="s">
        <v>227</v>
      </c>
      <c r="I4" s="9" t="s">
        <v>226</v>
      </c>
      <c r="J4" s="9" t="s">
        <v>228</v>
      </c>
      <c r="K4" s="9" t="s">
        <v>18</v>
      </c>
      <c r="L4" s="21" t="s">
        <v>19</v>
      </c>
      <c r="M4" s="9" t="s">
        <v>229</v>
      </c>
      <c r="N4" s="12" t="s">
        <v>625</v>
      </c>
    </row>
    <row r="5" spans="1:14" ht="120" x14ac:dyDescent="0.2">
      <c r="A5" s="40" t="s">
        <v>160</v>
      </c>
      <c r="B5" s="9" t="s">
        <v>165</v>
      </c>
      <c r="C5" s="6" t="s">
        <v>14</v>
      </c>
      <c r="D5" s="9" t="s">
        <v>573</v>
      </c>
      <c r="E5" s="16">
        <v>45948</v>
      </c>
      <c r="F5" s="16">
        <v>45948</v>
      </c>
      <c r="G5" s="9" t="s">
        <v>163</v>
      </c>
      <c r="H5" s="9" t="s">
        <v>164</v>
      </c>
      <c r="I5" s="9" t="s">
        <v>163</v>
      </c>
      <c r="J5" s="9" t="s">
        <v>166</v>
      </c>
      <c r="K5" s="9" t="s">
        <v>18</v>
      </c>
      <c r="L5" s="21" t="s">
        <v>19</v>
      </c>
      <c r="M5" s="9" t="s">
        <v>163</v>
      </c>
      <c r="N5" s="48" t="s">
        <v>167</v>
      </c>
    </row>
    <row r="6" spans="1:14" ht="108" x14ac:dyDescent="0.2">
      <c r="A6" s="40" t="s">
        <v>160</v>
      </c>
      <c r="B6" s="9" t="s">
        <v>231</v>
      </c>
      <c r="C6" s="6" t="s">
        <v>82</v>
      </c>
      <c r="D6" s="9" t="s">
        <v>232</v>
      </c>
      <c r="E6" s="16">
        <v>45955</v>
      </c>
      <c r="F6" s="16">
        <v>45956</v>
      </c>
      <c r="G6" s="9" t="s">
        <v>226</v>
      </c>
      <c r="H6" s="9" t="s">
        <v>227</v>
      </c>
      <c r="I6" s="9" t="s">
        <v>226</v>
      </c>
      <c r="J6" s="9" t="s">
        <v>47</v>
      </c>
      <c r="K6" s="9" t="s">
        <v>18</v>
      </c>
      <c r="L6" s="21" t="s">
        <v>41</v>
      </c>
      <c r="M6" s="9" t="s">
        <v>233</v>
      </c>
      <c r="N6" s="3" t="s">
        <v>230</v>
      </c>
    </row>
    <row r="7" spans="1:14" ht="79.2" x14ac:dyDescent="0.2">
      <c r="A7" s="40" t="s">
        <v>571</v>
      </c>
      <c r="B7" s="9" t="s">
        <v>343</v>
      </c>
      <c r="C7" s="6" t="s">
        <v>14</v>
      </c>
      <c r="D7" s="9" t="s">
        <v>575</v>
      </c>
      <c r="E7" s="16">
        <v>45969</v>
      </c>
      <c r="F7" s="16">
        <v>45970</v>
      </c>
      <c r="G7" s="9" t="s">
        <v>344</v>
      </c>
      <c r="H7" s="9" t="s">
        <v>227</v>
      </c>
      <c r="I7" s="9" t="s">
        <v>345</v>
      </c>
      <c r="J7" s="9" t="s">
        <v>47</v>
      </c>
      <c r="K7" s="9" t="s">
        <v>18</v>
      </c>
      <c r="L7" s="21" t="s">
        <v>41</v>
      </c>
      <c r="M7" s="9" t="s">
        <v>576</v>
      </c>
      <c r="N7" s="3"/>
    </row>
    <row r="8" spans="1:14" ht="39.6" x14ac:dyDescent="0.2">
      <c r="A8" s="58" t="s">
        <v>234</v>
      </c>
      <c r="B8" s="22" t="s">
        <v>243</v>
      </c>
      <c r="C8" s="26" t="s">
        <v>82</v>
      </c>
      <c r="D8" s="22" t="s">
        <v>244</v>
      </c>
      <c r="E8" s="39">
        <v>45919</v>
      </c>
      <c r="F8" s="39">
        <v>45920</v>
      </c>
      <c r="G8" s="22" t="s">
        <v>621</v>
      </c>
      <c r="H8" s="22" t="s">
        <v>245</v>
      </c>
      <c r="I8" s="22" t="s">
        <v>622</v>
      </c>
      <c r="J8" s="22" t="s">
        <v>246</v>
      </c>
      <c r="K8" s="22" t="s">
        <v>18</v>
      </c>
      <c r="L8" s="24" t="s">
        <v>41</v>
      </c>
      <c r="M8" s="22" t="s">
        <v>622</v>
      </c>
      <c r="N8" s="12"/>
    </row>
    <row r="9" spans="1:14" ht="60" x14ac:dyDescent="0.2">
      <c r="A9" s="40" t="s">
        <v>234</v>
      </c>
      <c r="B9" s="9" t="s">
        <v>235</v>
      </c>
      <c r="C9" s="10" t="s">
        <v>14</v>
      </c>
      <c r="D9" s="9" t="s">
        <v>236</v>
      </c>
      <c r="E9" s="16">
        <v>45941</v>
      </c>
      <c r="F9" s="16">
        <v>45941</v>
      </c>
      <c r="G9" s="9" t="s">
        <v>577</v>
      </c>
      <c r="H9" s="9" t="s">
        <v>237</v>
      </c>
      <c r="I9" s="9" t="s">
        <v>578</v>
      </c>
      <c r="J9" s="9" t="s">
        <v>47</v>
      </c>
      <c r="K9" s="9" t="s">
        <v>18</v>
      </c>
      <c r="L9" s="21" t="s">
        <v>19</v>
      </c>
      <c r="M9" s="9" t="s">
        <v>579</v>
      </c>
      <c r="N9" s="11" t="s">
        <v>238</v>
      </c>
    </row>
    <row r="10" spans="1:14" ht="39.6" x14ac:dyDescent="0.2">
      <c r="A10" s="58" t="s">
        <v>234</v>
      </c>
      <c r="B10" s="22" t="s">
        <v>247</v>
      </c>
      <c r="C10" s="19" t="s">
        <v>14</v>
      </c>
      <c r="D10" s="22" t="s">
        <v>248</v>
      </c>
      <c r="E10" s="39">
        <v>45948</v>
      </c>
      <c r="F10" s="39">
        <v>45948</v>
      </c>
      <c r="G10" s="22" t="s">
        <v>622</v>
      </c>
      <c r="H10" s="22" t="s">
        <v>245</v>
      </c>
      <c r="I10" s="22" t="s">
        <v>622</v>
      </c>
      <c r="J10" s="22" t="s">
        <v>249</v>
      </c>
      <c r="K10" s="22" t="s">
        <v>18</v>
      </c>
      <c r="L10" s="24" t="s">
        <v>19</v>
      </c>
      <c r="M10" s="22" t="s">
        <v>622</v>
      </c>
      <c r="N10" s="12"/>
    </row>
    <row r="11" spans="1:14" ht="52.8" x14ac:dyDescent="0.2">
      <c r="A11" s="58" t="s">
        <v>234</v>
      </c>
      <c r="B11" s="22" t="s">
        <v>250</v>
      </c>
      <c r="C11" s="19" t="s">
        <v>14</v>
      </c>
      <c r="D11" s="22" t="s">
        <v>251</v>
      </c>
      <c r="E11" s="39">
        <v>45948</v>
      </c>
      <c r="F11" s="39">
        <v>45948</v>
      </c>
      <c r="G11" s="22" t="s">
        <v>622</v>
      </c>
      <c r="H11" s="22" t="s">
        <v>245</v>
      </c>
      <c r="I11" s="22" t="s">
        <v>622</v>
      </c>
      <c r="J11" s="22" t="s">
        <v>249</v>
      </c>
      <c r="K11" s="22" t="s">
        <v>18</v>
      </c>
      <c r="L11" s="24" t="s">
        <v>19</v>
      </c>
      <c r="M11" s="22" t="s">
        <v>622</v>
      </c>
      <c r="N11" s="12"/>
    </row>
    <row r="12" spans="1:14" ht="60" x14ac:dyDescent="0.2">
      <c r="A12" s="40" t="s">
        <v>234</v>
      </c>
      <c r="B12" s="9" t="s">
        <v>239</v>
      </c>
      <c r="C12" s="6" t="s">
        <v>14</v>
      </c>
      <c r="D12" s="9" t="s">
        <v>240</v>
      </c>
      <c r="E12" s="16">
        <v>45955</v>
      </c>
      <c r="F12" s="16">
        <v>45955</v>
      </c>
      <c r="G12" s="9" t="s">
        <v>577</v>
      </c>
      <c r="H12" s="9" t="s">
        <v>237</v>
      </c>
      <c r="I12" s="9" t="s">
        <v>580</v>
      </c>
      <c r="J12" s="9" t="s">
        <v>65</v>
      </c>
      <c r="K12" s="9" t="s">
        <v>18</v>
      </c>
      <c r="L12" s="21" t="s">
        <v>19</v>
      </c>
      <c r="M12" s="9" t="s">
        <v>581</v>
      </c>
      <c r="N12" s="14" t="s">
        <v>238</v>
      </c>
    </row>
    <row r="13" spans="1:14" ht="60" x14ac:dyDescent="0.2">
      <c r="A13" s="40" t="s">
        <v>234</v>
      </c>
      <c r="B13" s="9" t="s">
        <v>241</v>
      </c>
      <c r="C13" s="6" t="s">
        <v>14</v>
      </c>
      <c r="D13" s="9" t="s">
        <v>242</v>
      </c>
      <c r="E13" s="16">
        <v>45962</v>
      </c>
      <c r="F13" s="16">
        <v>45962</v>
      </c>
      <c r="G13" s="9" t="s">
        <v>577</v>
      </c>
      <c r="H13" s="9" t="s">
        <v>237</v>
      </c>
      <c r="I13" s="9" t="s">
        <v>582</v>
      </c>
      <c r="J13" s="9" t="s">
        <v>65</v>
      </c>
      <c r="K13" s="9" t="s">
        <v>18</v>
      </c>
      <c r="L13" s="21" t="s">
        <v>19</v>
      </c>
      <c r="M13" s="9" t="s">
        <v>583</v>
      </c>
      <c r="N13" s="14" t="s">
        <v>238</v>
      </c>
    </row>
    <row r="14" spans="1:14" ht="66" x14ac:dyDescent="0.2">
      <c r="A14" s="40" t="s">
        <v>105</v>
      </c>
      <c r="B14" s="9" t="s">
        <v>112</v>
      </c>
      <c r="C14" s="6" t="s">
        <v>14</v>
      </c>
      <c r="D14" s="9" t="s">
        <v>113</v>
      </c>
      <c r="E14" s="16">
        <v>45934</v>
      </c>
      <c r="F14" s="16">
        <v>45934</v>
      </c>
      <c r="G14" s="9" t="s">
        <v>108</v>
      </c>
      <c r="H14" s="9" t="s">
        <v>109</v>
      </c>
      <c r="I14" s="9" t="s">
        <v>114</v>
      </c>
      <c r="J14" s="9" t="s">
        <v>115</v>
      </c>
      <c r="K14" s="9" t="s">
        <v>18</v>
      </c>
      <c r="L14" s="21" t="s">
        <v>19</v>
      </c>
      <c r="M14" s="9" t="s">
        <v>114</v>
      </c>
      <c r="N14" s="3"/>
    </row>
    <row r="15" spans="1:14" ht="52.8" x14ac:dyDescent="0.2">
      <c r="A15" s="40" t="s">
        <v>105</v>
      </c>
      <c r="B15" s="9" t="s">
        <v>106</v>
      </c>
      <c r="C15" s="6" t="s">
        <v>14</v>
      </c>
      <c r="D15" s="9" t="s">
        <v>107</v>
      </c>
      <c r="E15" s="16">
        <v>45955</v>
      </c>
      <c r="F15" s="16">
        <v>45955</v>
      </c>
      <c r="G15" s="9" t="s">
        <v>108</v>
      </c>
      <c r="H15" s="9" t="s">
        <v>109</v>
      </c>
      <c r="I15" s="9" t="s">
        <v>110</v>
      </c>
      <c r="J15" s="9" t="s">
        <v>111</v>
      </c>
      <c r="K15" s="9" t="s">
        <v>18</v>
      </c>
      <c r="L15" s="21" t="s">
        <v>19</v>
      </c>
      <c r="M15" s="9" t="s">
        <v>110</v>
      </c>
      <c r="N15" s="3"/>
    </row>
    <row r="16" spans="1:14" ht="39.6" x14ac:dyDescent="0.2">
      <c r="A16" s="40" t="s">
        <v>387</v>
      </c>
      <c r="B16" s="9" t="s">
        <v>388</v>
      </c>
      <c r="C16" s="6" t="s">
        <v>14</v>
      </c>
      <c r="D16" s="9" t="s">
        <v>389</v>
      </c>
      <c r="E16" s="16">
        <v>45969</v>
      </c>
      <c r="F16" s="16">
        <v>45969</v>
      </c>
      <c r="G16" s="9" t="s">
        <v>584</v>
      </c>
      <c r="H16" s="9" t="s">
        <v>390</v>
      </c>
      <c r="I16" s="9" t="s">
        <v>584</v>
      </c>
      <c r="J16" s="9" t="s">
        <v>391</v>
      </c>
      <c r="K16" s="9" t="s">
        <v>18</v>
      </c>
      <c r="L16" s="21" t="s">
        <v>19</v>
      </c>
      <c r="M16" s="9" t="s">
        <v>585</v>
      </c>
      <c r="N16" s="3"/>
    </row>
    <row r="17" spans="1:14" ht="96" x14ac:dyDescent="0.2">
      <c r="A17" s="40" t="s">
        <v>204</v>
      </c>
      <c r="B17" s="9" t="s">
        <v>52</v>
      </c>
      <c r="C17" s="6" t="s">
        <v>14</v>
      </c>
      <c r="D17" s="9" t="s">
        <v>205</v>
      </c>
      <c r="E17" s="16">
        <v>45969</v>
      </c>
      <c r="F17" s="16">
        <v>45969</v>
      </c>
      <c r="G17" s="9" t="s">
        <v>586</v>
      </c>
      <c r="H17" s="9" t="s">
        <v>206</v>
      </c>
      <c r="I17" s="9" t="s">
        <v>586</v>
      </c>
      <c r="J17" s="9" t="s">
        <v>207</v>
      </c>
      <c r="K17" s="9" t="s">
        <v>18</v>
      </c>
      <c r="L17" s="21" t="s">
        <v>19</v>
      </c>
      <c r="M17" s="9" t="s">
        <v>587</v>
      </c>
      <c r="N17" s="13" t="s">
        <v>208</v>
      </c>
    </row>
    <row r="18" spans="1:14" ht="108" x14ac:dyDescent="0.2">
      <c r="A18" s="40" t="s">
        <v>21</v>
      </c>
      <c r="B18" s="9" t="s">
        <v>259</v>
      </c>
      <c r="C18" s="6" t="s">
        <v>14</v>
      </c>
      <c r="D18" s="9" t="s">
        <v>260</v>
      </c>
      <c r="E18" s="16">
        <v>45929</v>
      </c>
      <c r="F18" s="16">
        <v>45933</v>
      </c>
      <c r="G18" s="9" t="s">
        <v>653</v>
      </c>
      <c r="H18" s="9" t="s">
        <v>254</v>
      </c>
      <c r="I18" s="9" t="s">
        <v>653</v>
      </c>
      <c r="J18" s="9" t="s">
        <v>261</v>
      </c>
      <c r="K18" s="9" t="s">
        <v>25</v>
      </c>
      <c r="L18" s="21" t="s">
        <v>256</v>
      </c>
      <c r="M18" s="9" t="s">
        <v>253</v>
      </c>
      <c r="N18" s="3" t="s">
        <v>257</v>
      </c>
    </row>
    <row r="19" spans="1:14" ht="120" x14ac:dyDescent="0.2">
      <c r="A19" s="40" t="s">
        <v>21</v>
      </c>
      <c r="B19" s="9" t="s">
        <v>500</v>
      </c>
      <c r="C19" s="6" t="s">
        <v>14</v>
      </c>
      <c r="D19" s="9" t="s">
        <v>501</v>
      </c>
      <c r="E19" s="16">
        <v>45948</v>
      </c>
      <c r="F19" s="16">
        <v>45948</v>
      </c>
      <c r="G19" s="9" t="s">
        <v>654</v>
      </c>
      <c r="H19" s="9" t="s">
        <v>502</v>
      </c>
      <c r="I19" s="9" t="s">
        <v>664</v>
      </c>
      <c r="J19" s="9" t="s">
        <v>503</v>
      </c>
      <c r="K19" s="9" t="s">
        <v>18</v>
      </c>
      <c r="L19" s="21" t="s">
        <v>19</v>
      </c>
      <c r="M19" s="9" t="s">
        <v>504</v>
      </c>
      <c r="N19" s="3" t="s">
        <v>505</v>
      </c>
    </row>
    <row r="20" spans="1:14" ht="132" x14ac:dyDescent="0.2">
      <c r="A20" s="40" t="s">
        <v>21</v>
      </c>
      <c r="B20" s="9" t="s">
        <v>22</v>
      </c>
      <c r="C20" s="6" t="s">
        <v>14</v>
      </c>
      <c r="D20" s="9" t="s">
        <v>624</v>
      </c>
      <c r="E20" s="16">
        <v>45961</v>
      </c>
      <c r="F20" s="16">
        <v>45962</v>
      </c>
      <c r="G20" s="9" t="s">
        <v>623</v>
      </c>
      <c r="H20" s="9" t="s">
        <v>23</v>
      </c>
      <c r="I20" s="9" t="s">
        <v>623</v>
      </c>
      <c r="J20" s="9" t="s">
        <v>24</v>
      </c>
      <c r="K20" s="9" t="s">
        <v>25</v>
      </c>
      <c r="L20" s="21" t="s">
        <v>26</v>
      </c>
      <c r="M20" s="9" t="s">
        <v>623</v>
      </c>
      <c r="N20" s="3"/>
    </row>
    <row r="21" spans="1:14" ht="108" x14ac:dyDescent="0.2">
      <c r="A21" s="40" t="s">
        <v>21</v>
      </c>
      <c r="B21" s="9" t="s">
        <v>180</v>
      </c>
      <c r="C21" s="6" t="s">
        <v>14</v>
      </c>
      <c r="D21" s="9" t="s">
        <v>252</v>
      </c>
      <c r="E21" s="16">
        <v>45963</v>
      </c>
      <c r="F21" s="16">
        <v>45963</v>
      </c>
      <c r="G21" s="9" t="s">
        <v>653</v>
      </c>
      <c r="H21" s="9" t="s">
        <v>254</v>
      </c>
      <c r="I21" s="9" t="s">
        <v>653</v>
      </c>
      <c r="J21" s="9" t="s">
        <v>255</v>
      </c>
      <c r="K21" s="9" t="s">
        <v>25</v>
      </c>
      <c r="L21" s="21" t="s">
        <v>256</v>
      </c>
      <c r="M21" s="9" t="s">
        <v>253</v>
      </c>
      <c r="N21" s="3" t="s">
        <v>257</v>
      </c>
    </row>
    <row r="22" spans="1:14" ht="120" x14ac:dyDescent="0.2">
      <c r="A22" s="40" t="s">
        <v>21</v>
      </c>
      <c r="B22" s="9" t="s">
        <v>506</v>
      </c>
      <c r="C22" s="6" t="s">
        <v>14</v>
      </c>
      <c r="D22" s="9" t="s">
        <v>501</v>
      </c>
      <c r="E22" s="16">
        <v>45976</v>
      </c>
      <c r="F22" s="16">
        <v>45976</v>
      </c>
      <c r="G22" s="9" t="s">
        <v>654</v>
      </c>
      <c r="H22" s="9" t="s">
        <v>502</v>
      </c>
      <c r="I22" s="9" t="s">
        <v>664</v>
      </c>
      <c r="J22" s="9" t="s">
        <v>503</v>
      </c>
      <c r="K22" s="9" t="s">
        <v>18</v>
      </c>
      <c r="L22" s="21" t="s">
        <v>19</v>
      </c>
      <c r="M22" s="9" t="s">
        <v>504</v>
      </c>
      <c r="N22" s="3" t="s">
        <v>505</v>
      </c>
    </row>
    <row r="23" spans="1:14" ht="108" x14ac:dyDescent="0.2">
      <c r="A23" s="40" t="s">
        <v>21</v>
      </c>
      <c r="B23" s="9" t="s">
        <v>258</v>
      </c>
      <c r="C23" s="6" t="s">
        <v>14</v>
      </c>
      <c r="D23" s="9" t="s">
        <v>252</v>
      </c>
      <c r="E23" s="16">
        <v>45983</v>
      </c>
      <c r="F23" s="16">
        <v>45983</v>
      </c>
      <c r="G23" s="9" t="s">
        <v>653</v>
      </c>
      <c r="H23" s="9" t="s">
        <v>254</v>
      </c>
      <c r="I23" s="9" t="s">
        <v>653</v>
      </c>
      <c r="J23" s="9" t="s">
        <v>255</v>
      </c>
      <c r="K23" s="9" t="s">
        <v>25</v>
      </c>
      <c r="L23" s="21" t="s">
        <v>256</v>
      </c>
      <c r="M23" s="9" t="s">
        <v>253</v>
      </c>
      <c r="N23" s="3" t="s">
        <v>257</v>
      </c>
    </row>
    <row r="24" spans="1:14" ht="60" x14ac:dyDescent="0.2">
      <c r="A24" s="58" t="s">
        <v>197</v>
      </c>
      <c r="B24" s="22" t="s">
        <v>198</v>
      </c>
      <c r="C24" s="19" t="s">
        <v>14</v>
      </c>
      <c r="D24" s="22" t="s">
        <v>199</v>
      </c>
      <c r="E24" s="39">
        <v>45956</v>
      </c>
      <c r="F24" s="39">
        <v>45956</v>
      </c>
      <c r="G24" s="22" t="s">
        <v>200</v>
      </c>
      <c r="H24" s="22" t="s">
        <v>201</v>
      </c>
      <c r="I24" s="22" t="s">
        <v>202</v>
      </c>
      <c r="J24" s="22" t="s">
        <v>65</v>
      </c>
      <c r="K24" s="22" t="s">
        <v>25</v>
      </c>
      <c r="L24" s="24" t="s">
        <v>19</v>
      </c>
      <c r="M24" s="22" t="s">
        <v>202</v>
      </c>
      <c r="N24" s="3" t="s">
        <v>203</v>
      </c>
    </row>
    <row r="25" spans="1:14" ht="96" x14ac:dyDescent="0.2">
      <c r="A25" s="58" t="s">
        <v>262</v>
      </c>
      <c r="B25" s="28" t="s">
        <v>590</v>
      </c>
      <c r="C25" s="19" t="s">
        <v>14</v>
      </c>
      <c r="D25" s="28" t="s">
        <v>539</v>
      </c>
      <c r="E25" s="39">
        <v>45934</v>
      </c>
      <c r="F25" s="39">
        <v>45934</v>
      </c>
      <c r="G25" s="28" t="s">
        <v>592</v>
      </c>
      <c r="H25" s="28" t="s">
        <v>540</v>
      </c>
      <c r="I25" s="28" t="s">
        <v>591</v>
      </c>
      <c r="J25" s="28" t="s">
        <v>541</v>
      </c>
      <c r="K25" s="28" t="s">
        <v>18</v>
      </c>
      <c r="L25" s="29" t="s">
        <v>19</v>
      </c>
      <c r="M25" s="28" t="s">
        <v>591</v>
      </c>
      <c r="N25" s="30" t="s">
        <v>542</v>
      </c>
    </row>
    <row r="26" spans="1:14" ht="66" x14ac:dyDescent="0.2">
      <c r="A26" s="40" t="s">
        <v>262</v>
      </c>
      <c r="B26" s="9" t="s">
        <v>263</v>
      </c>
      <c r="C26" s="6" t="s">
        <v>14</v>
      </c>
      <c r="D26" s="9" t="s">
        <v>264</v>
      </c>
      <c r="E26" s="16">
        <v>45948</v>
      </c>
      <c r="F26" s="16">
        <v>45948</v>
      </c>
      <c r="G26" s="9" t="s">
        <v>588</v>
      </c>
      <c r="H26" s="9" t="s">
        <v>265</v>
      </c>
      <c r="I26" s="9" t="s">
        <v>266</v>
      </c>
      <c r="J26" s="9" t="s">
        <v>267</v>
      </c>
      <c r="K26" s="9" t="s">
        <v>18</v>
      </c>
      <c r="L26" s="21" t="s">
        <v>19</v>
      </c>
      <c r="M26" s="9" t="s">
        <v>268</v>
      </c>
      <c r="N26" s="12"/>
    </row>
    <row r="27" spans="1:14" ht="66" x14ac:dyDescent="0.2">
      <c r="A27" s="40" t="s">
        <v>262</v>
      </c>
      <c r="B27" s="9" t="s">
        <v>269</v>
      </c>
      <c r="C27" s="6" t="s">
        <v>14</v>
      </c>
      <c r="D27" s="9" t="s">
        <v>270</v>
      </c>
      <c r="E27" s="16">
        <v>45971</v>
      </c>
      <c r="F27" s="16">
        <v>45975</v>
      </c>
      <c r="G27" s="9" t="s">
        <v>589</v>
      </c>
      <c r="H27" s="9" t="s">
        <v>271</v>
      </c>
      <c r="I27" s="9" t="s">
        <v>266</v>
      </c>
      <c r="J27" s="9" t="s">
        <v>272</v>
      </c>
      <c r="K27" s="9" t="s">
        <v>18</v>
      </c>
      <c r="L27" s="21" t="s">
        <v>41</v>
      </c>
      <c r="M27" s="9" t="s">
        <v>268</v>
      </c>
      <c r="N27" s="3"/>
    </row>
    <row r="28" spans="1:14" ht="52.8" x14ac:dyDescent="0.2">
      <c r="A28" s="58" t="s">
        <v>572</v>
      </c>
      <c r="B28" s="22" t="s">
        <v>81</v>
      </c>
      <c r="C28" s="19" t="s">
        <v>14</v>
      </c>
      <c r="D28" s="22" t="s">
        <v>475</v>
      </c>
      <c r="E28" s="39">
        <v>45927</v>
      </c>
      <c r="F28" s="39">
        <v>45928</v>
      </c>
      <c r="G28" s="22" t="s">
        <v>476</v>
      </c>
      <c r="H28" s="22" t="s">
        <v>109</v>
      </c>
      <c r="I28" s="22" t="s">
        <v>477</v>
      </c>
      <c r="J28" s="22" t="s">
        <v>478</v>
      </c>
      <c r="K28" s="22" t="s">
        <v>18</v>
      </c>
      <c r="L28" s="24" t="s">
        <v>41</v>
      </c>
      <c r="M28" s="22" t="s">
        <v>477</v>
      </c>
      <c r="N28" s="3"/>
    </row>
    <row r="29" spans="1:14" ht="96" x14ac:dyDescent="0.2">
      <c r="A29" s="40" t="s">
        <v>273</v>
      </c>
      <c r="B29" s="9" t="s">
        <v>274</v>
      </c>
      <c r="C29" s="6" t="s">
        <v>14</v>
      </c>
      <c r="D29" s="9" t="s">
        <v>275</v>
      </c>
      <c r="E29" s="16">
        <v>45941</v>
      </c>
      <c r="F29" s="16">
        <v>45941</v>
      </c>
      <c r="G29" s="9" t="s">
        <v>276</v>
      </c>
      <c r="H29" s="9" t="s">
        <v>277</v>
      </c>
      <c r="I29" s="9" t="s">
        <v>278</v>
      </c>
      <c r="J29" s="9" t="s">
        <v>279</v>
      </c>
      <c r="K29" s="9" t="s">
        <v>18</v>
      </c>
      <c r="L29" s="21" t="s">
        <v>19</v>
      </c>
      <c r="M29" s="9" t="s">
        <v>278</v>
      </c>
      <c r="N29" s="3" t="s">
        <v>280</v>
      </c>
    </row>
    <row r="30" spans="1:14" ht="66" x14ac:dyDescent="0.2">
      <c r="A30" s="58" t="s">
        <v>572</v>
      </c>
      <c r="B30" s="22" t="s">
        <v>198</v>
      </c>
      <c r="C30" s="19" t="s">
        <v>14</v>
      </c>
      <c r="D30" s="22" t="s">
        <v>479</v>
      </c>
      <c r="E30" s="39">
        <v>45941</v>
      </c>
      <c r="F30" s="39">
        <v>45941</v>
      </c>
      <c r="G30" s="22" t="s">
        <v>476</v>
      </c>
      <c r="H30" s="22" t="s">
        <v>109</v>
      </c>
      <c r="I30" s="22" t="s">
        <v>480</v>
      </c>
      <c r="J30" s="22" t="s">
        <v>413</v>
      </c>
      <c r="K30" s="22" t="s">
        <v>18</v>
      </c>
      <c r="L30" s="24" t="s">
        <v>19</v>
      </c>
      <c r="M30" s="22" t="s">
        <v>480</v>
      </c>
      <c r="N30" s="3"/>
    </row>
    <row r="31" spans="1:14" ht="96" x14ac:dyDescent="0.2">
      <c r="A31" s="40" t="s">
        <v>273</v>
      </c>
      <c r="B31" s="9" t="s">
        <v>52</v>
      </c>
      <c r="C31" s="6" t="s">
        <v>14</v>
      </c>
      <c r="D31" s="9" t="s">
        <v>275</v>
      </c>
      <c r="E31" s="16">
        <v>45976</v>
      </c>
      <c r="F31" s="16">
        <v>45976</v>
      </c>
      <c r="G31" s="9" t="s">
        <v>276</v>
      </c>
      <c r="H31" s="9" t="s">
        <v>277</v>
      </c>
      <c r="I31" s="9" t="s">
        <v>278</v>
      </c>
      <c r="J31" s="9" t="s">
        <v>279</v>
      </c>
      <c r="K31" s="9" t="s">
        <v>18</v>
      </c>
      <c r="L31" s="21" t="s">
        <v>19</v>
      </c>
      <c r="M31" s="9" t="s">
        <v>278</v>
      </c>
      <c r="N31" s="3" t="s">
        <v>280</v>
      </c>
    </row>
    <row r="32" spans="1:14" ht="84" x14ac:dyDescent="0.2">
      <c r="A32" s="40" t="s">
        <v>471</v>
      </c>
      <c r="B32" s="9" t="s">
        <v>481</v>
      </c>
      <c r="C32" s="6" t="s">
        <v>14</v>
      </c>
      <c r="D32" s="9" t="s">
        <v>482</v>
      </c>
      <c r="E32" s="16">
        <v>45934</v>
      </c>
      <c r="F32" s="16">
        <v>45934</v>
      </c>
      <c r="G32" s="9" t="s">
        <v>483</v>
      </c>
      <c r="H32" s="9" t="s">
        <v>484</v>
      </c>
      <c r="I32" s="9" t="s">
        <v>483</v>
      </c>
      <c r="J32" s="9" t="s">
        <v>485</v>
      </c>
      <c r="K32" s="9" t="s">
        <v>18</v>
      </c>
      <c r="L32" s="21" t="s">
        <v>41</v>
      </c>
      <c r="M32" s="9" t="s">
        <v>486</v>
      </c>
      <c r="N32" s="3" t="s">
        <v>487</v>
      </c>
    </row>
    <row r="33" spans="1:14" ht="84" x14ac:dyDescent="0.2">
      <c r="A33" s="40" t="s">
        <v>471</v>
      </c>
      <c r="B33" s="9" t="s">
        <v>239</v>
      </c>
      <c r="C33" s="6" t="s">
        <v>14</v>
      </c>
      <c r="D33" s="9" t="s">
        <v>488</v>
      </c>
      <c r="E33" s="16">
        <v>45948</v>
      </c>
      <c r="F33" s="16">
        <v>45948</v>
      </c>
      <c r="G33" s="9" t="s">
        <v>483</v>
      </c>
      <c r="H33" s="9" t="s">
        <v>484</v>
      </c>
      <c r="I33" s="9" t="s">
        <v>483</v>
      </c>
      <c r="J33" s="9" t="s">
        <v>489</v>
      </c>
      <c r="K33" s="9" t="s">
        <v>18</v>
      </c>
      <c r="L33" s="21" t="s">
        <v>19</v>
      </c>
      <c r="M33" s="9" t="s">
        <v>490</v>
      </c>
      <c r="N33" s="3" t="s">
        <v>487</v>
      </c>
    </row>
    <row r="34" spans="1:14" ht="79.2" x14ac:dyDescent="0.2">
      <c r="A34" s="40" t="s">
        <v>471</v>
      </c>
      <c r="B34" s="9" t="s">
        <v>472</v>
      </c>
      <c r="C34" s="6" t="s">
        <v>14</v>
      </c>
      <c r="D34" s="9" t="s">
        <v>473</v>
      </c>
      <c r="E34" s="16">
        <v>45963</v>
      </c>
      <c r="F34" s="16">
        <v>45963</v>
      </c>
      <c r="G34" s="9" t="s">
        <v>660</v>
      </c>
      <c r="H34" s="9" t="s">
        <v>465</v>
      </c>
      <c r="I34" s="9" t="s">
        <v>469</v>
      </c>
      <c r="J34" s="9" t="s">
        <v>474</v>
      </c>
      <c r="K34" s="9" t="s">
        <v>18</v>
      </c>
      <c r="L34" s="21" t="s">
        <v>41</v>
      </c>
      <c r="M34" s="9" t="s">
        <v>469</v>
      </c>
      <c r="N34" s="3"/>
    </row>
    <row r="35" spans="1:14" ht="79.2" x14ac:dyDescent="0.2">
      <c r="A35" s="40" t="s">
        <v>136</v>
      </c>
      <c r="B35" s="9" t="s">
        <v>137</v>
      </c>
      <c r="C35" s="6" t="s">
        <v>14</v>
      </c>
      <c r="D35" s="9" t="s">
        <v>138</v>
      </c>
      <c r="E35" s="16">
        <v>45958</v>
      </c>
      <c r="F35" s="16">
        <v>45958</v>
      </c>
      <c r="G35" s="9" t="s">
        <v>140</v>
      </c>
      <c r="H35" s="9" t="s">
        <v>139</v>
      </c>
      <c r="I35" s="9" t="s">
        <v>140</v>
      </c>
      <c r="J35" s="9" t="s">
        <v>141</v>
      </c>
      <c r="K35" s="9" t="s">
        <v>18</v>
      </c>
      <c r="L35" s="21" t="s">
        <v>19</v>
      </c>
      <c r="M35" s="9" t="s">
        <v>140</v>
      </c>
      <c r="N35" s="3"/>
    </row>
    <row r="36" spans="1:14" ht="79.2" x14ac:dyDescent="0.2">
      <c r="A36" s="40" t="s">
        <v>136</v>
      </c>
      <c r="B36" s="9" t="s">
        <v>142</v>
      </c>
      <c r="C36" s="6" t="s">
        <v>14</v>
      </c>
      <c r="D36" s="9" t="s">
        <v>143</v>
      </c>
      <c r="E36" s="16">
        <v>45961</v>
      </c>
      <c r="F36" s="16">
        <v>45961</v>
      </c>
      <c r="G36" s="9" t="s">
        <v>140</v>
      </c>
      <c r="H36" s="9" t="s">
        <v>139</v>
      </c>
      <c r="I36" s="9" t="s">
        <v>140</v>
      </c>
      <c r="J36" s="9" t="s">
        <v>144</v>
      </c>
      <c r="K36" s="9" t="s">
        <v>18</v>
      </c>
      <c r="L36" s="21" t="s">
        <v>19</v>
      </c>
      <c r="M36" s="9" t="s">
        <v>140</v>
      </c>
      <c r="N36" s="3"/>
    </row>
    <row r="37" spans="1:14" ht="79.2" x14ac:dyDescent="0.2">
      <c r="A37" s="40" t="s">
        <v>136</v>
      </c>
      <c r="B37" s="9" t="s">
        <v>145</v>
      </c>
      <c r="C37" s="6" t="s">
        <v>14</v>
      </c>
      <c r="D37" s="9" t="s">
        <v>143</v>
      </c>
      <c r="E37" s="16">
        <v>45967</v>
      </c>
      <c r="F37" s="16">
        <v>45967</v>
      </c>
      <c r="G37" s="9" t="s">
        <v>140</v>
      </c>
      <c r="H37" s="9" t="s">
        <v>139</v>
      </c>
      <c r="I37" s="9" t="s">
        <v>140</v>
      </c>
      <c r="J37" s="9" t="s">
        <v>144</v>
      </c>
      <c r="K37" s="9" t="s">
        <v>18</v>
      </c>
      <c r="L37" s="21" t="s">
        <v>19</v>
      </c>
      <c r="M37" s="9" t="s">
        <v>140</v>
      </c>
      <c r="N37" s="3"/>
    </row>
    <row r="38" spans="1:14" ht="79.2" x14ac:dyDescent="0.2">
      <c r="A38" s="40" t="s">
        <v>136</v>
      </c>
      <c r="B38" s="9" t="s">
        <v>146</v>
      </c>
      <c r="C38" s="6" t="s">
        <v>14</v>
      </c>
      <c r="D38" s="9" t="s">
        <v>138</v>
      </c>
      <c r="E38" s="16">
        <v>45968</v>
      </c>
      <c r="F38" s="16">
        <v>45968</v>
      </c>
      <c r="G38" s="9" t="s">
        <v>140</v>
      </c>
      <c r="H38" s="9" t="s">
        <v>139</v>
      </c>
      <c r="I38" s="9" t="s">
        <v>140</v>
      </c>
      <c r="J38" s="9" t="s">
        <v>141</v>
      </c>
      <c r="K38" s="9" t="s">
        <v>18</v>
      </c>
      <c r="L38" s="21" t="s">
        <v>19</v>
      </c>
      <c r="M38" s="9" t="s">
        <v>140</v>
      </c>
      <c r="N38" s="12"/>
    </row>
    <row r="39" spans="1:14" ht="79.2" x14ac:dyDescent="0.2">
      <c r="A39" s="40" t="s">
        <v>136</v>
      </c>
      <c r="B39" s="9" t="s">
        <v>154</v>
      </c>
      <c r="C39" s="6" t="s">
        <v>14</v>
      </c>
      <c r="D39" s="9" t="s">
        <v>143</v>
      </c>
      <c r="E39" s="16">
        <v>45974</v>
      </c>
      <c r="F39" s="16">
        <v>45974</v>
      </c>
      <c r="G39" s="9" t="s">
        <v>140</v>
      </c>
      <c r="H39" s="9" t="s">
        <v>139</v>
      </c>
      <c r="I39" s="9" t="s">
        <v>140</v>
      </c>
      <c r="J39" s="9" t="s">
        <v>144</v>
      </c>
      <c r="K39" s="9" t="s">
        <v>18</v>
      </c>
      <c r="L39" s="21" t="s">
        <v>19</v>
      </c>
      <c r="M39" s="9" t="s">
        <v>140</v>
      </c>
      <c r="N39" s="3"/>
    </row>
    <row r="40" spans="1:14" ht="52.8" x14ac:dyDescent="0.2">
      <c r="A40" s="40" t="s">
        <v>281</v>
      </c>
      <c r="B40" s="9" t="s">
        <v>52</v>
      </c>
      <c r="C40" s="6" t="s">
        <v>14</v>
      </c>
      <c r="D40" s="9" t="s">
        <v>282</v>
      </c>
      <c r="E40" s="16">
        <v>45948</v>
      </c>
      <c r="F40" s="16">
        <v>45948</v>
      </c>
      <c r="G40" s="9" t="s">
        <v>283</v>
      </c>
      <c r="H40" s="9" t="s">
        <v>284</v>
      </c>
      <c r="I40" s="9" t="s">
        <v>283</v>
      </c>
      <c r="J40" s="9" t="s">
        <v>285</v>
      </c>
      <c r="K40" s="9" t="s">
        <v>18</v>
      </c>
      <c r="L40" s="21" t="s">
        <v>19</v>
      </c>
      <c r="M40" s="9" t="s">
        <v>286</v>
      </c>
      <c r="N40" s="3"/>
    </row>
    <row r="41" spans="1:14" ht="60" x14ac:dyDescent="0.2">
      <c r="A41" s="40" t="s">
        <v>455</v>
      </c>
      <c r="B41" s="9" t="s">
        <v>456</v>
      </c>
      <c r="C41" s="6" t="s">
        <v>14</v>
      </c>
      <c r="D41" s="9" t="s">
        <v>457</v>
      </c>
      <c r="E41" s="42" t="s">
        <v>701</v>
      </c>
      <c r="F41" s="67" t="s">
        <v>701</v>
      </c>
      <c r="G41" s="9" t="s">
        <v>593</v>
      </c>
      <c r="H41" s="9" t="s">
        <v>458</v>
      </c>
      <c r="I41" s="9" t="s">
        <v>459</v>
      </c>
      <c r="J41" s="9" t="s">
        <v>460</v>
      </c>
      <c r="K41" s="9" t="s">
        <v>18</v>
      </c>
      <c r="L41" s="21" t="s">
        <v>19</v>
      </c>
      <c r="M41" s="9" t="s">
        <v>461</v>
      </c>
      <c r="N41" s="3" t="s">
        <v>462</v>
      </c>
    </row>
    <row r="42" spans="1:14" ht="66" x14ac:dyDescent="0.2">
      <c r="A42" s="40" t="s">
        <v>293</v>
      </c>
      <c r="B42" s="9" t="s">
        <v>294</v>
      </c>
      <c r="C42" s="6" t="s">
        <v>14</v>
      </c>
      <c r="D42" s="9" t="s">
        <v>295</v>
      </c>
      <c r="E42" s="16">
        <v>45941</v>
      </c>
      <c r="F42" s="16">
        <v>45941</v>
      </c>
      <c r="G42" s="9" t="s">
        <v>296</v>
      </c>
      <c r="H42" s="32" t="s">
        <v>297</v>
      </c>
      <c r="I42" s="50" t="s">
        <v>663</v>
      </c>
      <c r="J42" s="32" t="s">
        <v>298</v>
      </c>
      <c r="K42" s="9" t="s">
        <v>18</v>
      </c>
      <c r="L42" s="21" t="s">
        <v>19</v>
      </c>
      <c r="M42" s="9" t="s">
        <v>299</v>
      </c>
      <c r="N42" s="33" t="s">
        <v>300</v>
      </c>
    </row>
    <row r="43" spans="1:14" ht="118.8" x14ac:dyDescent="0.2">
      <c r="A43" s="58" t="s">
        <v>553</v>
      </c>
      <c r="B43" s="22" t="s">
        <v>554</v>
      </c>
      <c r="C43" s="19" t="s">
        <v>14</v>
      </c>
      <c r="D43" s="22" t="s">
        <v>555</v>
      </c>
      <c r="E43" s="39">
        <v>45936</v>
      </c>
      <c r="F43" s="39">
        <v>45940</v>
      </c>
      <c r="G43" s="22" t="s">
        <v>594</v>
      </c>
      <c r="H43" s="22" t="s">
        <v>556</v>
      </c>
      <c r="I43" s="22" t="s">
        <v>594</v>
      </c>
      <c r="J43" s="34" t="s">
        <v>557</v>
      </c>
      <c r="K43" s="22" t="s">
        <v>18</v>
      </c>
      <c r="L43" s="24" t="s">
        <v>19</v>
      </c>
      <c r="M43" s="22" t="s">
        <v>595</v>
      </c>
      <c r="N43" s="30" t="s">
        <v>558</v>
      </c>
    </row>
    <row r="44" spans="1:14" ht="26.4" x14ac:dyDescent="0.2">
      <c r="A44" s="40" t="s">
        <v>326</v>
      </c>
      <c r="B44" s="9" t="s">
        <v>339</v>
      </c>
      <c r="C44" s="6" t="s">
        <v>14</v>
      </c>
      <c r="D44" s="9" t="s">
        <v>340</v>
      </c>
      <c r="E44" s="16">
        <v>45919</v>
      </c>
      <c r="F44" s="16">
        <v>45919</v>
      </c>
      <c r="G44" s="9" t="s">
        <v>341</v>
      </c>
      <c r="H44" s="9" t="s">
        <v>330</v>
      </c>
      <c r="I44" s="9" t="s">
        <v>329</v>
      </c>
      <c r="J44" s="9" t="s">
        <v>47</v>
      </c>
      <c r="K44" s="9" t="s">
        <v>18</v>
      </c>
      <c r="L44" s="21" t="s">
        <v>41</v>
      </c>
      <c r="M44" s="9" t="s">
        <v>342</v>
      </c>
      <c r="N44" s="3"/>
    </row>
    <row r="45" spans="1:14" ht="52.8" x14ac:dyDescent="0.2">
      <c r="A45" s="40" t="s">
        <v>326</v>
      </c>
      <c r="B45" s="9" t="s">
        <v>327</v>
      </c>
      <c r="C45" s="6" t="s">
        <v>14</v>
      </c>
      <c r="D45" s="9" t="s">
        <v>328</v>
      </c>
      <c r="E45" s="16">
        <v>45920</v>
      </c>
      <c r="F45" s="16">
        <v>45920</v>
      </c>
      <c r="G45" s="9" t="s">
        <v>329</v>
      </c>
      <c r="H45" s="9" t="s">
        <v>330</v>
      </c>
      <c r="I45" s="9" t="s">
        <v>329</v>
      </c>
      <c r="J45" s="9" t="s">
        <v>331</v>
      </c>
      <c r="K45" s="9" t="s">
        <v>18</v>
      </c>
      <c r="L45" s="21" t="s">
        <v>19</v>
      </c>
      <c r="M45" s="9" t="s">
        <v>332</v>
      </c>
      <c r="N45" s="3"/>
    </row>
    <row r="46" spans="1:14" ht="52.8" x14ac:dyDescent="0.2">
      <c r="A46" s="40" t="s">
        <v>326</v>
      </c>
      <c r="B46" s="9" t="s">
        <v>333</v>
      </c>
      <c r="C46" s="6" t="s">
        <v>14</v>
      </c>
      <c r="D46" s="9" t="s">
        <v>334</v>
      </c>
      <c r="E46" s="16">
        <v>45948</v>
      </c>
      <c r="F46" s="16">
        <v>45948</v>
      </c>
      <c r="G46" s="9" t="s">
        <v>329</v>
      </c>
      <c r="H46" s="9" t="s">
        <v>330</v>
      </c>
      <c r="I46" s="9" t="s">
        <v>329</v>
      </c>
      <c r="J46" s="9" t="s">
        <v>331</v>
      </c>
      <c r="K46" s="9" t="s">
        <v>18</v>
      </c>
      <c r="L46" s="21" t="s">
        <v>19</v>
      </c>
      <c r="M46" s="9" t="s">
        <v>332</v>
      </c>
      <c r="N46" s="3"/>
    </row>
    <row r="47" spans="1:14" ht="39.6" x14ac:dyDescent="0.2">
      <c r="A47" s="40" t="s">
        <v>326</v>
      </c>
      <c r="B47" s="9" t="s">
        <v>335</v>
      </c>
      <c r="C47" s="6" t="s">
        <v>14</v>
      </c>
      <c r="D47" s="9" t="s">
        <v>336</v>
      </c>
      <c r="E47" s="16">
        <v>45964</v>
      </c>
      <c r="F47" s="16">
        <v>45964</v>
      </c>
      <c r="G47" s="9" t="s">
        <v>329</v>
      </c>
      <c r="H47" s="9" t="s">
        <v>330</v>
      </c>
      <c r="I47" s="9" t="s">
        <v>329</v>
      </c>
      <c r="J47" s="9" t="s">
        <v>337</v>
      </c>
      <c r="K47" s="9" t="s">
        <v>18</v>
      </c>
      <c r="L47" s="21" t="s">
        <v>41</v>
      </c>
      <c r="M47" s="9" t="s">
        <v>338</v>
      </c>
      <c r="N47" s="3"/>
    </row>
    <row r="48" spans="1:14" ht="72" x14ac:dyDescent="0.2">
      <c r="A48" s="40" t="s">
        <v>122</v>
      </c>
      <c r="B48" s="9" t="s">
        <v>52</v>
      </c>
      <c r="C48" s="6" t="s">
        <v>14</v>
      </c>
      <c r="D48" s="9" t="s">
        <v>346</v>
      </c>
      <c r="E48" s="16">
        <v>45934</v>
      </c>
      <c r="F48" s="16">
        <v>45934</v>
      </c>
      <c r="G48" s="9" t="s">
        <v>347</v>
      </c>
      <c r="H48" s="9" t="s">
        <v>348</v>
      </c>
      <c r="I48" s="9" t="s">
        <v>347</v>
      </c>
      <c r="J48" s="9" t="s">
        <v>349</v>
      </c>
      <c r="K48" s="9" t="s">
        <v>18</v>
      </c>
      <c r="L48" s="21" t="s">
        <v>19</v>
      </c>
      <c r="M48" s="9" t="s">
        <v>347</v>
      </c>
      <c r="N48" s="14" t="s">
        <v>350</v>
      </c>
    </row>
    <row r="49" spans="1:14" ht="108" x14ac:dyDescent="0.2">
      <c r="A49" s="58" t="s">
        <v>122</v>
      </c>
      <c r="B49" s="22" t="s">
        <v>123</v>
      </c>
      <c r="C49" s="19" t="s">
        <v>124</v>
      </c>
      <c r="D49" s="31" t="s">
        <v>125</v>
      </c>
      <c r="E49" s="39">
        <v>45948</v>
      </c>
      <c r="F49" s="39">
        <v>45948</v>
      </c>
      <c r="G49" s="22" t="s">
        <v>126</v>
      </c>
      <c r="H49" s="22" t="s">
        <v>127</v>
      </c>
      <c r="I49" s="22" t="s">
        <v>128</v>
      </c>
      <c r="J49" s="22" t="s">
        <v>129</v>
      </c>
      <c r="K49" s="22" t="s">
        <v>18</v>
      </c>
      <c r="L49" s="24" t="s">
        <v>19</v>
      </c>
      <c r="M49" s="22" t="s">
        <v>130</v>
      </c>
      <c r="N49" s="3" t="s">
        <v>131</v>
      </c>
    </row>
    <row r="50" spans="1:14" ht="108" x14ac:dyDescent="0.2">
      <c r="A50" s="40" t="s">
        <v>122</v>
      </c>
      <c r="B50" s="9" t="s">
        <v>507</v>
      </c>
      <c r="C50" s="6" t="s">
        <v>14</v>
      </c>
      <c r="D50" s="27" t="s">
        <v>508</v>
      </c>
      <c r="E50" s="16">
        <v>45948</v>
      </c>
      <c r="F50" s="16">
        <v>45948</v>
      </c>
      <c r="G50" s="9" t="s">
        <v>509</v>
      </c>
      <c r="H50" s="9" t="s">
        <v>510</v>
      </c>
      <c r="I50" s="9" t="s">
        <v>509</v>
      </c>
      <c r="J50" s="9" t="s">
        <v>65</v>
      </c>
      <c r="K50" s="9" t="s">
        <v>18</v>
      </c>
      <c r="L50" s="21" t="s">
        <v>19</v>
      </c>
      <c r="M50" s="9" t="s">
        <v>509</v>
      </c>
      <c r="N50" s="3" t="s">
        <v>511</v>
      </c>
    </row>
    <row r="51" spans="1:14" ht="72" x14ac:dyDescent="0.2">
      <c r="A51" s="58" t="s">
        <v>116</v>
      </c>
      <c r="B51" s="22" t="s">
        <v>374</v>
      </c>
      <c r="C51" s="19" t="s">
        <v>14</v>
      </c>
      <c r="D51" s="22" t="s">
        <v>375</v>
      </c>
      <c r="E51" s="39">
        <v>45920</v>
      </c>
      <c r="F51" s="39">
        <v>45920</v>
      </c>
      <c r="G51" s="22" t="s">
        <v>376</v>
      </c>
      <c r="H51" s="22" t="s">
        <v>377</v>
      </c>
      <c r="I51" s="22" t="s">
        <v>665</v>
      </c>
      <c r="J51" s="22" t="s">
        <v>47</v>
      </c>
      <c r="K51" s="22" t="s">
        <v>18</v>
      </c>
      <c r="L51" s="24" t="s">
        <v>41</v>
      </c>
      <c r="M51" s="22" t="s">
        <v>378</v>
      </c>
      <c r="N51" s="3" t="s">
        <v>379</v>
      </c>
    </row>
    <row r="52" spans="1:14" ht="92.4" x14ac:dyDescent="0.2">
      <c r="A52" s="51" t="s">
        <v>116</v>
      </c>
      <c r="B52" s="5" t="s">
        <v>645</v>
      </c>
      <c r="C52" s="6" t="s">
        <v>14</v>
      </c>
      <c r="D52" s="10" t="s">
        <v>646</v>
      </c>
      <c r="E52" s="53">
        <v>45927</v>
      </c>
      <c r="F52" s="7">
        <v>45927</v>
      </c>
      <c r="G52" s="5" t="s">
        <v>627</v>
      </c>
      <c r="H52" s="5" t="s">
        <v>647</v>
      </c>
      <c r="I52" s="9" t="s">
        <v>627</v>
      </c>
      <c r="J52" s="5" t="s">
        <v>191</v>
      </c>
      <c r="K52" s="5" t="s">
        <v>383</v>
      </c>
      <c r="L52" s="8" t="s">
        <v>19</v>
      </c>
      <c r="M52" s="5" t="s">
        <v>627</v>
      </c>
      <c r="N52" s="1" t="s">
        <v>648</v>
      </c>
    </row>
    <row r="53" spans="1:14" ht="72" x14ac:dyDescent="0.2">
      <c r="A53" s="58" t="s">
        <v>116</v>
      </c>
      <c r="B53" s="22" t="s">
        <v>380</v>
      </c>
      <c r="C53" s="19" t="s">
        <v>14</v>
      </c>
      <c r="D53" s="22" t="s">
        <v>381</v>
      </c>
      <c r="E53" s="45">
        <v>45927</v>
      </c>
      <c r="F53" s="45">
        <v>45935</v>
      </c>
      <c r="G53" s="22" t="s">
        <v>376</v>
      </c>
      <c r="H53" s="22" t="s">
        <v>377</v>
      </c>
      <c r="I53" s="22" t="s">
        <v>666</v>
      </c>
      <c r="J53" s="22" t="s">
        <v>382</v>
      </c>
      <c r="K53" s="22" t="s">
        <v>383</v>
      </c>
      <c r="L53" s="24" t="s">
        <v>19</v>
      </c>
      <c r="M53" s="22" t="s">
        <v>384</v>
      </c>
      <c r="N53" s="3" t="s">
        <v>379</v>
      </c>
    </row>
    <row r="54" spans="1:14" ht="92.4" x14ac:dyDescent="0.2">
      <c r="A54" s="58" t="s">
        <v>116</v>
      </c>
      <c r="B54" s="22" t="s">
        <v>497</v>
      </c>
      <c r="C54" s="19" t="s">
        <v>14</v>
      </c>
      <c r="D54" s="22" t="s">
        <v>498</v>
      </c>
      <c r="E54" s="39">
        <v>45934</v>
      </c>
      <c r="F54" s="39">
        <v>45934</v>
      </c>
      <c r="G54" s="22" t="s">
        <v>493</v>
      </c>
      <c r="H54" s="22" t="s">
        <v>494</v>
      </c>
      <c r="I54" s="22" t="s">
        <v>495</v>
      </c>
      <c r="J54" s="22" t="s">
        <v>499</v>
      </c>
      <c r="K54" s="22" t="s">
        <v>18</v>
      </c>
      <c r="L54" s="24" t="s">
        <v>19</v>
      </c>
      <c r="M54" s="22" t="s">
        <v>496</v>
      </c>
      <c r="N54" s="3"/>
    </row>
    <row r="55" spans="1:14" ht="92.4" x14ac:dyDescent="0.2">
      <c r="A55" s="58" t="s">
        <v>116</v>
      </c>
      <c r="B55" s="22" t="s">
        <v>491</v>
      </c>
      <c r="C55" s="19" t="s">
        <v>14</v>
      </c>
      <c r="D55" s="22" t="s">
        <v>492</v>
      </c>
      <c r="E55" s="39">
        <v>45941</v>
      </c>
      <c r="F55" s="39">
        <v>45941</v>
      </c>
      <c r="G55" s="22" t="s">
        <v>493</v>
      </c>
      <c r="H55" s="22" t="s">
        <v>494</v>
      </c>
      <c r="I55" s="22" t="s">
        <v>495</v>
      </c>
      <c r="J55" s="22" t="s">
        <v>704</v>
      </c>
      <c r="K55" s="22" t="s">
        <v>18</v>
      </c>
      <c r="L55" s="24" t="s">
        <v>41</v>
      </c>
      <c r="M55" s="22" t="s">
        <v>496</v>
      </c>
      <c r="N55" s="3"/>
    </row>
    <row r="56" spans="1:14" ht="66" x14ac:dyDescent="0.2">
      <c r="A56" s="58" t="s">
        <v>116</v>
      </c>
      <c r="B56" s="22" t="s">
        <v>117</v>
      </c>
      <c r="C56" s="19" t="s">
        <v>14</v>
      </c>
      <c r="D56" s="22" t="s">
        <v>118</v>
      </c>
      <c r="E56" s="39">
        <v>45947</v>
      </c>
      <c r="F56" s="39">
        <v>45951</v>
      </c>
      <c r="G56" s="22" t="s">
        <v>596</v>
      </c>
      <c r="H56" s="22" t="s">
        <v>119</v>
      </c>
      <c r="I56" s="22" t="s">
        <v>597</v>
      </c>
      <c r="J56" s="22" t="s">
        <v>120</v>
      </c>
      <c r="K56" s="22" t="s">
        <v>18</v>
      </c>
      <c r="L56" s="24" t="s">
        <v>19</v>
      </c>
      <c r="M56" s="22" t="s">
        <v>597</v>
      </c>
      <c r="N56" s="3"/>
    </row>
    <row r="57" spans="1:14" ht="92.4" x14ac:dyDescent="0.2">
      <c r="A57" s="51" t="s">
        <v>116</v>
      </c>
      <c r="B57" s="5" t="s">
        <v>649</v>
      </c>
      <c r="C57" s="6" t="s">
        <v>14</v>
      </c>
      <c r="D57" s="10" t="s">
        <v>646</v>
      </c>
      <c r="E57" s="53">
        <v>45955</v>
      </c>
      <c r="F57" s="7">
        <v>45955</v>
      </c>
      <c r="G57" s="5" t="s">
        <v>627</v>
      </c>
      <c r="H57" s="5" t="s">
        <v>647</v>
      </c>
      <c r="I57" s="9" t="s">
        <v>627</v>
      </c>
      <c r="J57" s="5" t="s">
        <v>191</v>
      </c>
      <c r="K57" s="5" t="s">
        <v>383</v>
      </c>
      <c r="L57" s="8" t="s">
        <v>19</v>
      </c>
      <c r="M57" s="5" t="s">
        <v>627</v>
      </c>
      <c r="N57" s="1" t="s">
        <v>648</v>
      </c>
    </row>
    <row r="58" spans="1:14" ht="72" x14ac:dyDescent="0.2">
      <c r="A58" s="58" t="s">
        <v>116</v>
      </c>
      <c r="B58" s="22" t="s">
        <v>52</v>
      </c>
      <c r="C58" s="19" t="s">
        <v>14</v>
      </c>
      <c r="D58" s="22" t="s">
        <v>385</v>
      </c>
      <c r="E58" s="39">
        <v>45955</v>
      </c>
      <c r="F58" s="39">
        <v>45955</v>
      </c>
      <c r="G58" s="22" t="s">
        <v>376</v>
      </c>
      <c r="H58" s="22" t="s">
        <v>377</v>
      </c>
      <c r="I58" s="22" t="s">
        <v>666</v>
      </c>
      <c r="J58" s="22" t="s">
        <v>386</v>
      </c>
      <c r="K58" s="22" t="s">
        <v>18</v>
      </c>
      <c r="L58" s="24" t="s">
        <v>19</v>
      </c>
      <c r="M58" s="22" t="s">
        <v>384</v>
      </c>
      <c r="N58" s="3" t="s">
        <v>379</v>
      </c>
    </row>
    <row r="59" spans="1:14" ht="60" x14ac:dyDescent="0.2">
      <c r="A59" s="40" t="s">
        <v>116</v>
      </c>
      <c r="B59" s="9" t="s">
        <v>52</v>
      </c>
      <c r="C59" s="6" t="s">
        <v>14</v>
      </c>
      <c r="D59" s="9" t="s">
        <v>301</v>
      </c>
      <c r="E59" s="44" t="s">
        <v>302</v>
      </c>
      <c r="F59" s="44" t="s">
        <v>302</v>
      </c>
      <c r="G59" s="9" t="s">
        <v>303</v>
      </c>
      <c r="H59" s="9" t="s">
        <v>304</v>
      </c>
      <c r="I59" s="9" t="s">
        <v>303</v>
      </c>
      <c r="J59" s="9" t="s">
        <v>305</v>
      </c>
      <c r="K59" s="9" t="s">
        <v>18</v>
      </c>
      <c r="L59" s="21" t="s">
        <v>41</v>
      </c>
      <c r="M59" s="9" t="s">
        <v>306</v>
      </c>
      <c r="N59" s="3" t="s">
        <v>307</v>
      </c>
    </row>
    <row r="60" spans="1:14" ht="92.4" x14ac:dyDescent="0.2">
      <c r="A60" s="51" t="s">
        <v>116</v>
      </c>
      <c r="B60" s="5" t="s">
        <v>650</v>
      </c>
      <c r="C60" s="6" t="s">
        <v>14</v>
      </c>
      <c r="D60" s="5" t="s">
        <v>651</v>
      </c>
      <c r="E60" s="53">
        <v>45962</v>
      </c>
      <c r="F60" s="7">
        <v>45962</v>
      </c>
      <c r="G60" s="5" t="s">
        <v>627</v>
      </c>
      <c r="H60" s="5" t="s">
        <v>647</v>
      </c>
      <c r="I60" s="5" t="s">
        <v>627</v>
      </c>
      <c r="J60" s="5" t="s">
        <v>191</v>
      </c>
      <c r="K60" s="5" t="s">
        <v>18</v>
      </c>
      <c r="L60" s="8" t="s">
        <v>19</v>
      </c>
      <c r="M60" s="5" t="s">
        <v>627</v>
      </c>
      <c r="N60" s="1" t="s">
        <v>652</v>
      </c>
    </row>
    <row r="61" spans="1:14" ht="66" x14ac:dyDescent="0.2">
      <c r="A61" s="58" t="s">
        <v>116</v>
      </c>
      <c r="B61" s="22" t="s">
        <v>117</v>
      </c>
      <c r="C61" s="19" t="s">
        <v>14</v>
      </c>
      <c r="D61" s="22" t="s">
        <v>118</v>
      </c>
      <c r="E61" s="39">
        <v>45979</v>
      </c>
      <c r="F61" s="39">
        <v>45980</v>
      </c>
      <c r="G61" s="22" t="s">
        <v>598</v>
      </c>
      <c r="H61" s="22" t="s">
        <v>121</v>
      </c>
      <c r="I61" s="22" t="s">
        <v>597</v>
      </c>
      <c r="J61" s="22" t="s">
        <v>120</v>
      </c>
      <c r="K61" s="22" t="s">
        <v>18</v>
      </c>
      <c r="L61" s="24" t="s">
        <v>19</v>
      </c>
      <c r="M61" s="22" t="s">
        <v>597</v>
      </c>
      <c r="N61" s="3"/>
    </row>
    <row r="62" spans="1:14" ht="79.2" x14ac:dyDescent="0.2">
      <c r="A62" s="40" t="s">
        <v>308</v>
      </c>
      <c r="B62" s="9" t="s">
        <v>424</v>
      </c>
      <c r="C62" s="6" t="s">
        <v>14</v>
      </c>
      <c r="D62" s="9" t="s">
        <v>425</v>
      </c>
      <c r="E62" s="16">
        <v>45927</v>
      </c>
      <c r="F62" s="16">
        <v>45927</v>
      </c>
      <c r="G62" s="9" t="s">
        <v>426</v>
      </c>
      <c r="H62" s="9" t="s">
        <v>427</v>
      </c>
      <c r="I62" s="9" t="s">
        <v>428</v>
      </c>
      <c r="J62" s="9" t="s">
        <v>429</v>
      </c>
      <c r="K62" s="9" t="s">
        <v>18</v>
      </c>
      <c r="L62" s="21" t="s">
        <v>19</v>
      </c>
      <c r="M62" s="9" t="s">
        <v>430</v>
      </c>
      <c r="N62" s="3"/>
    </row>
    <row r="63" spans="1:14" ht="39.6" x14ac:dyDescent="0.2">
      <c r="A63" s="40" t="s">
        <v>308</v>
      </c>
      <c r="B63" s="9" t="s">
        <v>431</v>
      </c>
      <c r="C63" s="6" t="s">
        <v>14</v>
      </c>
      <c r="D63" s="9" t="s">
        <v>432</v>
      </c>
      <c r="E63" s="16">
        <v>45927</v>
      </c>
      <c r="F63" s="16">
        <v>45927</v>
      </c>
      <c r="G63" s="9" t="s">
        <v>433</v>
      </c>
      <c r="H63" s="9" t="s">
        <v>434</v>
      </c>
      <c r="I63" s="9" t="s">
        <v>435</v>
      </c>
      <c r="J63" s="9" t="s">
        <v>436</v>
      </c>
      <c r="K63" s="9" t="s">
        <v>18</v>
      </c>
      <c r="L63" s="21" t="s">
        <v>19</v>
      </c>
      <c r="M63" s="9" t="s">
        <v>437</v>
      </c>
      <c r="N63" s="3"/>
    </row>
    <row r="64" spans="1:14" ht="39.6" x14ac:dyDescent="0.2">
      <c r="A64" s="40" t="s">
        <v>308</v>
      </c>
      <c r="B64" s="9" t="s">
        <v>438</v>
      </c>
      <c r="C64" s="6" t="s">
        <v>14</v>
      </c>
      <c r="D64" s="9" t="s">
        <v>432</v>
      </c>
      <c r="E64" s="16">
        <v>45933</v>
      </c>
      <c r="F64" s="16">
        <v>45933</v>
      </c>
      <c r="G64" s="9" t="s">
        <v>435</v>
      </c>
      <c r="H64" s="9" t="s">
        <v>439</v>
      </c>
      <c r="I64" s="9" t="s">
        <v>435</v>
      </c>
      <c r="J64" s="9" t="s">
        <v>440</v>
      </c>
      <c r="K64" s="9" t="s">
        <v>18</v>
      </c>
      <c r="L64" s="21" t="s">
        <v>19</v>
      </c>
      <c r="M64" s="9" t="s">
        <v>437</v>
      </c>
      <c r="N64" s="3"/>
    </row>
    <row r="65" spans="1:14" ht="39.6" x14ac:dyDescent="0.2">
      <c r="A65" s="40" t="s">
        <v>308</v>
      </c>
      <c r="B65" s="9" t="s">
        <v>441</v>
      </c>
      <c r="C65" s="6" t="s">
        <v>14</v>
      </c>
      <c r="D65" s="9" t="s">
        <v>442</v>
      </c>
      <c r="E65" s="16">
        <v>45948</v>
      </c>
      <c r="F65" s="16">
        <v>45948</v>
      </c>
      <c r="G65" s="9" t="s">
        <v>435</v>
      </c>
      <c r="H65" s="9" t="s">
        <v>439</v>
      </c>
      <c r="I65" s="9" t="s">
        <v>435</v>
      </c>
      <c r="J65" s="9" t="s">
        <v>443</v>
      </c>
      <c r="K65" s="9" t="s">
        <v>18</v>
      </c>
      <c r="L65" s="21" t="s">
        <v>19</v>
      </c>
      <c r="M65" s="9" t="s">
        <v>437</v>
      </c>
      <c r="N65" s="3"/>
    </row>
    <row r="66" spans="1:14" ht="52.8" x14ac:dyDescent="0.2">
      <c r="A66" s="40" t="s">
        <v>308</v>
      </c>
      <c r="B66" s="9" t="s">
        <v>414</v>
      </c>
      <c r="C66" s="6" t="s">
        <v>14</v>
      </c>
      <c r="D66" s="9" t="s">
        <v>415</v>
      </c>
      <c r="E66" s="16">
        <v>45949</v>
      </c>
      <c r="F66" s="16">
        <v>45950</v>
      </c>
      <c r="G66" s="9" t="s">
        <v>416</v>
      </c>
      <c r="H66" s="9" t="s">
        <v>310</v>
      </c>
      <c r="I66" s="9" t="s">
        <v>416</v>
      </c>
      <c r="J66" s="9" t="s">
        <v>47</v>
      </c>
      <c r="K66" s="9" t="s">
        <v>18</v>
      </c>
      <c r="L66" s="21" t="s">
        <v>41</v>
      </c>
      <c r="M66" s="9" t="s">
        <v>416</v>
      </c>
      <c r="N66" s="3"/>
    </row>
    <row r="67" spans="1:14" ht="84" x14ac:dyDescent="0.2">
      <c r="A67" s="40" t="s">
        <v>308</v>
      </c>
      <c r="B67" s="9" t="s">
        <v>274</v>
      </c>
      <c r="C67" s="6" t="s">
        <v>14</v>
      </c>
      <c r="D67" s="9" t="s">
        <v>309</v>
      </c>
      <c r="E67" s="16">
        <v>45950</v>
      </c>
      <c r="F67" s="16">
        <v>45950</v>
      </c>
      <c r="G67" s="9" t="s">
        <v>599</v>
      </c>
      <c r="H67" s="9" t="s">
        <v>310</v>
      </c>
      <c r="I67" s="9" t="s">
        <v>601</v>
      </c>
      <c r="J67" s="9" t="s">
        <v>182</v>
      </c>
      <c r="K67" s="9" t="s">
        <v>18</v>
      </c>
      <c r="L67" s="21" t="s">
        <v>19</v>
      </c>
      <c r="M67" s="9" t="s">
        <v>600</v>
      </c>
      <c r="N67" s="3" t="s">
        <v>311</v>
      </c>
    </row>
    <row r="68" spans="1:14" ht="52.8" x14ac:dyDescent="0.2">
      <c r="A68" s="40" t="s">
        <v>308</v>
      </c>
      <c r="B68" s="9" t="s">
        <v>444</v>
      </c>
      <c r="C68" s="6" t="s">
        <v>14</v>
      </c>
      <c r="D68" s="9" t="s">
        <v>445</v>
      </c>
      <c r="E68" s="16">
        <v>45955</v>
      </c>
      <c r="F68" s="16">
        <v>45956</v>
      </c>
      <c r="G68" s="9" t="s">
        <v>435</v>
      </c>
      <c r="H68" s="9" t="s">
        <v>439</v>
      </c>
      <c r="I68" s="9" t="s">
        <v>435</v>
      </c>
      <c r="J68" s="9" t="s">
        <v>446</v>
      </c>
      <c r="K68" s="9" t="s">
        <v>18</v>
      </c>
      <c r="L68" s="21" t="s">
        <v>447</v>
      </c>
      <c r="M68" s="9" t="s">
        <v>437</v>
      </c>
      <c r="N68" s="3"/>
    </row>
    <row r="69" spans="1:14" ht="84" x14ac:dyDescent="0.2">
      <c r="A69" s="40" t="s">
        <v>308</v>
      </c>
      <c r="B69" s="9" t="s">
        <v>312</v>
      </c>
      <c r="C69" s="6" t="s">
        <v>14</v>
      </c>
      <c r="D69" s="9" t="s">
        <v>313</v>
      </c>
      <c r="E69" s="16">
        <v>45962</v>
      </c>
      <c r="F69" s="16">
        <v>45962</v>
      </c>
      <c r="G69" s="9" t="s">
        <v>599</v>
      </c>
      <c r="H69" s="9" t="s">
        <v>310</v>
      </c>
      <c r="I69" s="9" t="s">
        <v>601</v>
      </c>
      <c r="J69" s="9" t="s">
        <v>314</v>
      </c>
      <c r="K69" s="9" t="s">
        <v>18</v>
      </c>
      <c r="L69" s="21" t="s">
        <v>26</v>
      </c>
      <c r="M69" s="9" t="s">
        <v>600</v>
      </c>
      <c r="N69" s="3" t="s">
        <v>311</v>
      </c>
    </row>
    <row r="70" spans="1:14" ht="39.6" x14ac:dyDescent="0.2">
      <c r="A70" s="40" t="s">
        <v>308</v>
      </c>
      <c r="B70" s="9" t="s">
        <v>448</v>
      </c>
      <c r="C70" s="6" t="s">
        <v>14</v>
      </c>
      <c r="D70" s="9" t="s">
        <v>432</v>
      </c>
      <c r="E70" s="16">
        <v>45976</v>
      </c>
      <c r="F70" s="16">
        <v>45976</v>
      </c>
      <c r="G70" s="9" t="s">
        <v>435</v>
      </c>
      <c r="H70" s="9" t="s">
        <v>439</v>
      </c>
      <c r="I70" s="9" t="s">
        <v>435</v>
      </c>
      <c r="J70" s="9" t="s">
        <v>443</v>
      </c>
      <c r="K70" s="9" t="s">
        <v>18</v>
      </c>
      <c r="L70" s="21" t="s">
        <v>19</v>
      </c>
      <c r="M70" s="9" t="s">
        <v>437</v>
      </c>
      <c r="N70" s="3"/>
    </row>
    <row r="71" spans="1:14" ht="66" x14ac:dyDescent="0.2">
      <c r="A71" s="58" t="s">
        <v>361</v>
      </c>
      <c r="B71" s="22" t="s">
        <v>362</v>
      </c>
      <c r="C71" s="19" t="s">
        <v>14</v>
      </c>
      <c r="D71" s="22" t="s">
        <v>363</v>
      </c>
      <c r="E71" s="45">
        <v>45932</v>
      </c>
      <c r="F71" s="46">
        <v>45937</v>
      </c>
      <c r="G71" s="25" t="s">
        <v>655</v>
      </c>
      <c r="H71" s="22" t="s">
        <v>364</v>
      </c>
      <c r="I71" s="22" t="s">
        <v>365</v>
      </c>
      <c r="J71" s="22" t="s">
        <v>366</v>
      </c>
      <c r="K71" s="22" t="s">
        <v>18</v>
      </c>
      <c r="L71" s="22" t="s">
        <v>19</v>
      </c>
      <c r="M71" s="22" t="s">
        <v>367</v>
      </c>
      <c r="N71" s="35"/>
    </row>
    <row r="72" spans="1:14" ht="39.6" x14ac:dyDescent="0.2">
      <c r="A72" s="58" t="s">
        <v>215</v>
      </c>
      <c r="B72" s="22" t="s">
        <v>315</v>
      </c>
      <c r="C72" s="19" t="s">
        <v>14</v>
      </c>
      <c r="D72" s="22" t="s">
        <v>316</v>
      </c>
      <c r="E72" s="39">
        <v>45934</v>
      </c>
      <c r="F72" s="39">
        <v>45934</v>
      </c>
      <c r="G72" s="22" t="s">
        <v>603</v>
      </c>
      <c r="H72" s="22" t="s">
        <v>317</v>
      </c>
      <c r="I72" s="22" t="s">
        <v>603</v>
      </c>
      <c r="J72" s="22" t="s">
        <v>318</v>
      </c>
      <c r="K72" s="22" t="s">
        <v>18</v>
      </c>
      <c r="L72" s="24" t="s">
        <v>41</v>
      </c>
      <c r="M72" s="22" t="s">
        <v>603</v>
      </c>
      <c r="N72" s="3"/>
    </row>
    <row r="73" spans="1:14" ht="108" x14ac:dyDescent="0.2">
      <c r="A73" s="58" t="s">
        <v>215</v>
      </c>
      <c r="B73" s="22" t="s">
        <v>220</v>
      </c>
      <c r="C73" s="19" t="s">
        <v>14</v>
      </c>
      <c r="D73" s="22" t="s">
        <v>221</v>
      </c>
      <c r="E73" s="39">
        <v>45941</v>
      </c>
      <c r="F73" s="39">
        <v>45941</v>
      </c>
      <c r="G73" s="22" t="s">
        <v>602</v>
      </c>
      <c r="H73" s="22" t="s">
        <v>218</v>
      </c>
      <c r="I73" s="22" t="s">
        <v>602</v>
      </c>
      <c r="J73" s="22" t="s">
        <v>219</v>
      </c>
      <c r="K73" s="22" t="s">
        <v>18</v>
      </c>
      <c r="L73" s="24" t="s">
        <v>19</v>
      </c>
      <c r="M73" s="22" t="s">
        <v>602</v>
      </c>
      <c r="N73" s="3" t="s">
        <v>222</v>
      </c>
    </row>
    <row r="74" spans="1:14" ht="52.8" x14ac:dyDescent="0.2">
      <c r="A74" s="58" t="s">
        <v>215</v>
      </c>
      <c r="B74" s="22" t="s">
        <v>368</v>
      </c>
      <c r="C74" s="19" t="s">
        <v>14</v>
      </c>
      <c r="D74" s="22" t="s">
        <v>369</v>
      </c>
      <c r="E74" s="45">
        <v>45944</v>
      </c>
      <c r="F74" s="46">
        <v>45954</v>
      </c>
      <c r="G74" s="23" t="s">
        <v>370</v>
      </c>
      <c r="H74" s="36" t="s">
        <v>371</v>
      </c>
      <c r="I74" s="22" t="s">
        <v>372</v>
      </c>
      <c r="J74" s="22" t="s">
        <v>373</v>
      </c>
      <c r="K74" s="22" t="s">
        <v>18</v>
      </c>
      <c r="L74" s="22" t="s">
        <v>19</v>
      </c>
      <c r="M74" s="22" t="s">
        <v>367</v>
      </c>
      <c r="N74" s="54"/>
    </row>
    <row r="75" spans="1:14" ht="26.4" x14ac:dyDescent="0.2">
      <c r="A75" s="58" t="s">
        <v>215</v>
      </c>
      <c r="B75" s="22" t="s">
        <v>216</v>
      </c>
      <c r="C75" s="19" t="s">
        <v>14</v>
      </c>
      <c r="D75" s="22" t="s">
        <v>217</v>
      </c>
      <c r="E75" s="39">
        <v>45955</v>
      </c>
      <c r="F75" s="39">
        <v>45956</v>
      </c>
      <c r="G75" s="22" t="s">
        <v>602</v>
      </c>
      <c r="H75" s="22" t="s">
        <v>218</v>
      </c>
      <c r="I75" s="22" t="s">
        <v>602</v>
      </c>
      <c r="J75" s="22" t="s">
        <v>219</v>
      </c>
      <c r="K75" s="22" t="s">
        <v>18</v>
      </c>
      <c r="L75" s="24" t="s">
        <v>41</v>
      </c>
      <c r="M75" s="22" t="s">
        <v>602</v>
      </c>
      <c r="N75" s="3"/>
    </row>
    <row r="76" spans="1:14" ht="108" x14ac:dyDescent="0.2">
      <c r="A76" s="58" t="s">
        <v>215</v>
      </c>
      <c r="B76" s="22" t="s">
        <v>223</v>
      </c>
      <c r="C76" s="19" t="s">
        <v>14</v>
      </c>
      <c r="D76" s="22" t="s">
        <v>224</v>
      </c>
      <c r="E76" s="39">
        <v>45969</v>
      </c>
      <c r="F76" s="39">
        <v>45969</v>
      </c>
      <c r="G76" s="22" t="s">
        <v>602</v>
      </c>
      <c r="H76" s="22" t="s">
        <v>218</v>
      </c>
      <c r="I76" s="22" t="s">
        <v>602</v>
      </c>
      <c r="J76" s="22" t="s">
        <v>219</v>
      </c>
      <c r="K76" s="22" t="s">
        <v>18</v>
      </c>
      <c r="L76" s="24" t="s">
        <v>19</v>
      </c>
      <c r="M76" s="22" t="s">
        <v>602</v>
      </c>
      <c r="N76" s="3" t="s">
        <v>222</v>
      </c>
    </row>
    <row r="77" spans="1:14" ht="72" x14ac:dyDescent="0.2">
      <c r="A77" s="40" t="s">
        <v>71</v>
      </c>
      <c r="B77" s="9" t="s">
        <v>72</v>
      </c>
      <c r="C77" s="6" t="s">
        <v>14</v>
      </c>
      <c r="D77" s="9" t="s">
        <v>675</v>
      </c>
      <c r="E77" s="16">
        <v>45920</v>
      </c>
      <c r="F77" s="16">
        <v>45920</v>
      </c>
      <c r="G77" s="9" t="s">
        <v>604</v>
      </c>
      <c r="H77" s="9" t="s">
        <v>73</v>
      </c>
      <c r="I77" s="9" t="s">
        <v>673</v>
      </c>
      <c r="J77" s="9" t="s">
        <v>75</v>
      </c>
      <c r="K77" s="9" t="s">
        <v>18</v>
      </c>
      <c r="L77" s="21" t="s">
        <v>19</v>
      </c>
      <c r="M77" s="9" t="s">
        <v>685</v>
      </c>
      <c r="N77" s="3" t="s">
        <v>77</v>
      </c>
    </row>
    <row r="78" spans="1:14" ht="66" x14ac:dyDescent="0.2">
      <c r="A78" s="58" t="s">
        <v>71</v>
      </c>
      <c r="B78" s="22" t="s">
        <v>81</v>
      </c>
      <c r="C78" s="19" t="s">
        <v>82</v>
      </c>
      <c r="D78" s="22" t="s">
        <v>83</v>
      </c>
      <c r="E78" s="39">
        <v>45926</v>
      </c>
      <c r="F78" s="39">
        <v>45927</v>
      </c>
      <c r="G78" s="22" t="s">
        <v>656</v>
      </c>
      <c r="H78" s="22" t="s">
        <v>84</v>
      </c>
      <c r="I78" s="22" t="s">
        <v>667</v>
      </c>
      <c r="J78" s="22" t="s">
        <v>85</v>
      </c>
      <c r="K78" s="22" t="s">
        <v>25</v>
      </c>
      <c r="L78" s="24" t="s">
        <v>41</v>
      </c>
      <c r="M78" s="22" t="s">
        <v>86</v>
      </c>
      <c r="N78" s="3"/>
    </row>
    <row r="79" spans="1:14" ht="66" x14ac:dyDescent="0.2">
      <c r="A79" s="58" t="s">
        <v>87</v>
      </c>
      <c r="B79" s="22" t="s">
        <v>88</v>
      </c>
      <c r="C79" s="19" t="s">
        <v>89</v>
      </c>
      <c r="D79" s="22" t="s">
        <v>90</v>
      </c>
      <c r="E79" s="39">
        <v>45936</v>
      </c>
      <c r="F79" s="39">
        <v>45936</v>
      </c>
      <c r="G79" s="22" t="s">
        <v>656</v>
      </c>
      <c r="H79" s="22" t="s">
        <v>84</v>
      </c>
      <c r="I79" s="22" t="s">
        <v>667</v>
      </c>
      <c r="J79" s="22" t="s">
        <v>91</v>
      </c>
      <c r="K79" s="22" t="s">
        <v>25</v>
      </c>
      <c r="L79" s="24" t="s">
        <v>41</v>
      </c>
      <c r="M79" s="22" t="s">
        <v>92</v>
      </c>
      <c r="N79" s="3"/>
    </row>
    <row r="80" spans="1:14" ht="39.6" x14ac:dyDescent="0.2">
      <c r="A80" s="58" t="s">
        <v>87</v>
      </c>
      <c r="B80" s="22" t="s">
        <v>93</v>
      </c>
      <c r="C80" s="19" t="s">
        <v>89</v>
      </c>
      <c r="D80" s="22" t="s">
        <v>94</v>
      </c>
      <c r="E80" s="39">
        <v>45948</v>
      </c>
      <c r="F80" s="39">
        <v>45948</v>
      </c>
      <c r="G80" s="22" t="s">
        <v>656</v>
      </c>
      <c r="H80" s="22" t="s">
        <v>95</v>
      </c>
      <c r="I80" s="22" t="s">
        <v>667</v>
      </c>
      <c r="J80" s="22" t="s">
        <v>96</v>
      </c>
      <c r="K80" s="22" t="s">
        <v>25</v>
      </c>
      <c r="L80" s="24" t="s">
        <v>97</v>
      </c>
      <c r="M80" s="22" t="s">
        <v>98</v>
      </c>
      <c r="N80" s="3"/>
    </row>
    <row r="81" spans="1:14" ht="79.2" x14ac:dyDescent="0.2">
      <c r="A81" s="58" t="s">
        <v>87</v>
      </c>
      <c r="B81" s="22" t="s">
        <v>99</v>
      </c>
      <c r="C81" s="19" t="s">
        <v>14</v>
      </c>
      <c r="D81" s="22" t="s">
        <v>100</v>
      </c>
      <c r="E81" s="39">
        <v>45950</v>
      </c>
      <c r="F81" s="39">
        <v>45950</v>
      </c>
      <c r="G81" s="22" t="s">
        <v>656</v>
      </c>
      <c r="H81" s="22" t="s">
        <v>84</v>
      </c>
      <c r="I81" s="22" t="s">
        <v>667</v>
      </c>
      <c r="J81" s="22" t="s">
        <v>101</v>
      </c>
      <c r="K81" s="22" t="s">
        <v>25</v>
      </c>
      <c r="L81" s="24" t="s">
        <v>41</v>
      </c>
      <c r="M81" s="22" t="s">
        <v>102</v>
      </c>
      <c r="N81" s="3"/>
    </row>
    <row r="82" spans="1:14" ht="72" x14ac:dyDescent="0.2">
      <c r="A82" s="40" t="s">
        <v>71</v>
      </c>
      <c r="B82" s="9" t="s">
        <v>78</v>
      </c>
      <c r="C82" s="6" t="s">
        <v>14</v>
      </c>
      <c r="D82" s="9" t="s">
        <v>79</v>
      </c>
      <c r="E82" s="16">
        <v>45962</v>
      </c>
      <c r="F82" s="16">
        <v>45963</v>
      </c>
      <c r="G82" s="9" t="s">
        <v>604</v>
      </c>
      <c r="H82" s="9" t="s">
        <v>73</v>
      </c>
      <c r="I82" s="9" t="s">
        <v>74</v>
      </c>
      <c r="J82" s="9" t="s">
        <v>80</v>
      </c>
      <c r="K82" s="9" t="s">
        <v>18</v>
      </c>
      <c r="L82" s="21" t="s">
        <v>26</v>
      </c>
      <c r="M82" s="9" t="s">
        <v>76</v>
      </c>
      <c r="N82" s="3" t="s">
        <v>77</v>
      </c>
    </row>
    <row r="83" spans="1:14" ht="72" x14ac:dyDescent="0.2">
      <c r="A83" s="59" t="s">
        <v>71</v>
      </c>
      <c r="B83" s="27" t="s">
        <v>72</v>
      </c>
      <c r="C83" s="6" t="s">
        <v>14</v>
      </c>
      <c r="D83" s="27" t="s">
        <v>675</v>
      </c>
      <c r="E83" s="55">
        <v>45976</v>
      </c>
      <c r="F83" s="55">
        <v>45976</v>
      </c>
      <c r="G83" s="27" t="s">
        <v>604</v>
      </c>
      <c r="H83" s="27" t="s">
        <v>73</v>
      </c>
      <c r="I83" s="27" t="s">
        <v>674</v>
      </c>
      <c r="J83" s="27" t="s">
        <v>75</v>
      </c>
      <c r="K83" s="27" t="s">
        <v>18</v>
      </c>
      <c r="L83" s="56" t="s">
        <v>19</v>
      </c>
      <c r="M83" s="27" t="s">
        <v>685</v>
      </c>
      <c r="N83" s="3" t="s">
        <v>77</v>
      </c>
    </row>
    <row r="84" spans="1:14" ht="66" x14ac:dyDescent="0.2">
      <c r="A84" s="58" t="s">
        <v>87</v>
      </c>
      <c r="B84" s="22" t="s">
        <v>103</v>
      </c>
      <c r="C84" s="19" t="s">
        <v>89</v>
      </c>
      <c r="D84" s="22" t="s">
        <v>104</v>
      </c>
      <c r="E84" s="39">
        <v>45976</v>
      </c>
      <c r="F84" s="39">
        <v>45976</v>
      </c>
      <c r="G84" s="22" t="s">
        <v>656</v>
      </c>
      <c r="H84" s="22" t="s">
        <v>95</v>
      </c>
      <c r="I84" s="22" t="s">
        <v>667</v>
      </c>
      <c r="J84" s="22" t="s">
        <v>96</v>
      </c>
      <c r="K84" s="22" t="s">
        <v>25</v>
      </c>
      <c r="L84" s="24" t="s">
        <v>97</v>
      </c>
      <c r="M84" s="22" t="s">
        <v>98</v>
      </c>
      <c r="N84" s="3"/>
    </row>
    <row r="85" spans="1:14" ht="96" x14ac:dyDescent="0.2">
      <c r="A85" s="40" t="s">
        <v>319</v>
      </c>
      <c r="B85" s="9" t="s">
        <v>320</v>
      </c>
      <c r="C85" s="6" t="s">
        <v>14</v>
      </c>
      <c r="D85" s="9" t="s">
        <v>321</v>
      </c>
      <c r="E85" s="16">
        <v>45955</v>
      </c>
      <c r="F85" s="16">
        <v>45955</v>
      </c>
      <c r="G85" s="9" t="s">
        <v>322</v>
      </c>
      <c r="H85" s="9" t="s">
        <v>323</v>
      </c>
      <c r="I85" s="9" t="s">
        <v>322</v>
      </c>
      <c r="J85" s="9" t="s">
        <v>324</v>
      </c>
      <c r="K85" s="9" t="s">
        <v>18</v>
      </c>
      <c r="L85" s="21" t="s">
        <v>19</v>
      </c>
      <c r="M85" s="9" t="s">
        <v>322</v>
      </c>
      <c r="N85" s="3" t="s">
        <v>325</v>
      </c>
    </row>
    <row r="86" spans="1:14" ht="79.2" x14ac:dyDescent="0.2">
      <c r="A86" s="51" t="s">
        <v>568</v>
      </c>
      <c r="B86" s="5" t="s">
        <v>628</v>
      </c>
      <c r="C86" s="6" t="s">
        <v>14</v>
      </c>
      <c r="D86" s="5" t="s">
        <v>629</v>
      </c>
      <c r="E86" s="15">
        <v>45962</v>
      </c>
      <c r="F86" s="15">
        <v>45962</v>
      </c>
      <c r="G86" s="5" t="s">
        <v>630</v>
      </c>
      <c r="H86" s="5" t="s">
        <v>631</v>
      </c>
      <c r="I86" s="9" t="s">
        <v>632</v>
      </c>
      <c r="J86" s="5" t="s">
        <v>633</v>
      </c>
      <c r="K86" s="5" t="s">
        <v>18</v>
      </c>
      <c r="L86" s="8" t="s">
        <v>19</v>
      </c>
      <c r="M86" s="5" t="s">
        <v>634</v>
      </c>
      <c r="N86" s="2" t="s">
        <v>635</v>
      </c>
    </row>
    <row r="87" spans="1:14" ht="79.2" x14ac:dyDescent="0.2">
      <c r="A87" s="51" t="s">
        <v>568</v>
      </c>
      <c r="B87" s="5" t="s">
        <v>636</v>
      </c>
      <c r="C87" s="6" t="s">
        <v>14</v>
      </c>
      <c r="D87" s="5" t="s">
        <v>637</v>
      </c>
      <c r="E87" s="15">
        <v>45976</v>
      </c>
      <c r="F87" s="15">
        <v>45976</v>
      </c>
      <c r="G87" s="5" t="s">
        <v>638</v>
      </c>
      <c r="H87" s="5" t="s">
        <v>639</v>
      </c>
      <c r="I87" s="9" t="s">
        <v>632</v>
      </c>
      <c r="J87" s="5" t="s">
        <v>633</v>
      </c>
      <c r="K87" s="5" t="s">
        <v>18</v>
      </c>
      <c r="L87" s="8" t="s">
        <v>41</v>
      </c>
      <c r="M87" s="5" t="s">
        <v>640</v>
      </c>
      <c r="N87" s="4" t="s">
        <v>635</v>
      </c>
    </row>
    <row r="88" spans="1:14" ht="72" x14ac:dyDescent="0.2">
      <c r="A88" s="40" t="s">
        <v>168</v>
      </c>
      <c r="B88" s="37" t="s">
        <v>72</v>
      </c>
      <c r="C88" s="10" t="s">
        <v>14</v>
      </c>
      <c r="D88" s="37" t="s">
        <v>169</v>
      </c>
      <c r="E88" s="16">
        <v>45920</v>
      </c>
      <c r="F88" s="16">
        <v>45983</v>
      </c>
      <c r="G88" s="37" t="s">
        <v>170</v>
      </c>
      <c r="H88" s="9" t="s">
        <v>171</v>
      </c>
      <c r="I88" s="37" t="s">
        <v>172</v>
      </c>
      <c r="J88" s="9" t="s">
        <v>173</v>
      </c>
      <c r="K88" s="9" t="s">
        <v>18</v>
      </c>
      <c r="L88" s="21" t="s">
        <v>19</v>
      </c>
      <c r="M88" s="37" t="s">
        <v>172</v>
      </c>
      <c r="N88" s="48" t="s">
        <v>174</v>
      </c>
    </row>
    <row r="89" spans="1:14" ht="60" x14ac:dyDescent="0.2">
      <c r="A89" s="40" t="s">
        <v>168</v>
      </c>
      <c r="B89" s="9" t="s">
        <v>532</v>
      </c>
      <c r="C89" s="6" t="s">
        <v>14</v>
      </c>
      <c r="D89" s="9" t="s">
        <v>533</v>
      </c>
      <c r="E89" s="16">
        <v>45955</v>
      </c>
      <c r="F89" s="16">
        <v>45955</v>
      </c>
      <c r="G89" s="9" t="s">
        <v>534</v>
      </c>
      <c r="H89" s="9" t="s">
        <v>535</v>
      </c>
      <c r="I89" s="9" t="s">
        <v>534</v>
      </c>
      <c r="J89" s="9" t="s">
        <v>536</v>
      </c>
      <c r="K89" s="9" t="s">
        <v>18</v>
      </c>
      <c r="L89" s="21" t="s">
        <v>41</v>
      </c>
      <c r="M89" s="9" t="s">
        <v>537</v>
      </c>
      <c r="N89" s="3" t="s">
        <v>538</v>
      </c>
    </row>
    <row r="90" spans="1:14" ht="108" x14ac:dyDescent="0.2">
      <c r="A90" s="40" t="s">
        <v>56</v>
      </c>
      <c r="B90" s="9" t="s">
        <v>57</v>
      </c>
      <c r="C90" s="6" t="s">
        <v>14</v>
      </c>
      <c r="D90" s="9" t="s">
        <v>58</v>
      </c>
      <c r="E90" s="16">
        <v>45925</v>
      </c>
      <c r="F90" s="16">
        <v>45925</v>
      </c>
      <c r="G90" s="9" t="s">
        <v>59</v>
      </c>
      <c r="H90" s="9" t="s">
        <v>60</v>
      </c>
      <c r="I90" s="9" t="s">
        <v>59</v>
      </c>
      <c r="J90" s="9" t="s">
        <v>61</v>
      </c>
      <c r="K90" s="9" t="s">
        <v>18</v>
      </c>
      <c r="L90" s="21" t="s">
        <v>19</v>
      </c>
      <c r="M90" s="9" t="s">
        <v>59</v>
      </c>
      <c r="N90" s="3" t="s">
        <v>62</v>
      </c>
    </row>
    <row r="91" spans="1:14" ht="60" x14ac:dyDescent="0.2">
      <c r="A91" s="51" t="s">
        <v>677</v>
      </c>
      <c r="B91" s="51" t="s">
        <v>52</v>
      </c>
      <c r="C91" s="6" t="s">
        <v>14</v>
      </c>
      <c r="D91" s="5" t="s">
        <v>678</v>
      </c>
      <c r="E91" s="53">
        <v>45927</v>
      </c>
      <c r="F91" s="53">
        <v>45927</v>
      </c>
      <c r="G91" s="5" t="s">
        <v>679</v>
      </c>
      <c r="H91" s="5" t="s">
        <v>680</v>
      </c>
      <c r="I91" s="9" t="s">
        <v>679</v>
      </c>
      <c r="J91" s="5" t="s">
        <v>681</v>
      </c>
      <c r="K91" s="5" t="s">
        <v>18</v>
      </c>
      <c r="L91" s="8" t="s">
        <v>19</v>
      </c>
      <c r="M91" s="5" t="s">
        <v>679</v>
      </c>
      <c r="N91" s="3" t="s">
        <v>682</v>
      </c>
    </row>
    <row r="92" spans="1:14" ht="108" x14ac:dyDescent="0.2">
      <c r="A92" s="40" t="s">
        <v>56</v>
      </c>
      <c r="B92" s="9" t="s">
        <v>63</v>
      </c>
      <c r="C92" s="10" t="s">
        <v>14</v>
      </c>
      <c r="D92" s="9" t="s">
        <v>64</v>
      </c>
      <c r="E92" s="16">
        <v>45948</v>
      </c>
      <c r="F92" s="16">
        <v>45948</v>
      </c>
      <c r="G92" s="9" t="s">
        <v>59</v>
      </c>
      <c r="H92" s="9" t="s">
        <v>60</v>
      </c>
      <c r="I92" s="9" t="s">
        <v>59</v>
      </c>
      <c r="J92" s="9" t="s">
        <v>65</v>
      </c>
      <c r="K92" s="9" t="s">
        <v>18</v>
      </c>
      <c r="L92" s="21" t="s">
        <v>19</v>
      </c>
      <c r="M92" s="9" t="s">
        <v>59</v>
      </c>
      <c r="N92" s="12" t="s">
        <v>66</v>
      </c>
    </row>
    <row r="93" spans="1:14" ht="60" x14ac:dyDescent="0.2">
      <c r="A93" s="51" t="s">
        <v>56</v>
      </c>
      <c r="B93" s="5" t="s">
        <v>683</v>
      </c>
      <c r="C93" s="10" t="s">
        <v>14</v>
      </c>
      <c r="D93" s="5" t="s">
        <v>684</v>
      </c>
      <c r="E93" s="53">
        <v>45948</v>
      </c>
      <c r="F93" s="53">
        <v>45949</v>
      </c>
      <c r="G93" s="5" t="s">
        <v>679</v>
      </c>
      <c r="H93" s="5" t="s">
        <v>680</v>
      </c>
      <c r="I93" s="5" t="s">
        <v>679</v>
      </c>
      <c r="J93" s="5" t="s">
        <v>47</v>
      </c>
      <c r="K93" s="5" t="s">
        <v>18</v>
      </c>
      <c r="L93" s="8" t="s">
        <v>41</v>
      </c>
      <c r="M93" s="5" t="s">
        <v>679</v>
      </c>
      <c r="N93" s="12" t="s">
        <v>676</v>
      </c>
    </row>
    <row r="94" spans="1:14" ht="52.8" x14ac:dyDescent="0.2">
      <c r="A94" s="40" t="s">
        <v>56</v>
      </c>
      <c r="B94" s="20" t="s">
        <v>392</v>
      </c>
      <c r="C94" s="6" t="s">
        <v>14</v>
      </c>
      <c r="D94" s="9" t="s">
        <v>393</v>
      </c>
      <c r="E94" s="16">
        <v>45962</v>
      </c>
      <c r="F94" s="16">
        <v>45962</v>
      </c>
      <c r="G94" s="49" t="s">
        <v>395</v>
      </c>
      <c r="H94" s="20" t="s">
        <v>394</v>
      </c>
      <c r="I94" s="40" t="s">
        <v>670</v>
      </c>
      <c r="J94" s="20" t="s">
        <v>47</v>
      </c>
      <c r="K94" s="20" t="s">
        <v>18</v>
      </c>
      <c r="L94" s="21" t="s">
        <v>41</v>
      </c>
      <c r="M94" s="20" t="s">
        <v>396</v>
      </c>
      <c r="N94" s="12"/>
    </row>
    <row r="95" spans="1:14" ht="108" x14ac:dyDescent="0.2">
      <c r="A95" s="40" t="s">
        <v>56</v>
      </c>
      <c r="B95" s="9" t="s">
        <v>67</v>
      </c>
      <c r="C95" s="6" t="s">
        <v>14</v>
      </c>
      <c r="D95" s="9" t="s">
        <v>68</v>
      </c>
      <c r="E95" s="16">
        <v>45967</v>
      </c>
      <c r="F95" s="16">
        <v>45967</v>
      </c>
      <c r="G95" s="9" t="s">
        <v>59</v>
      </c>
      <c r="H95" s="9" t="s">
        <v>60</v>
      </c>
      <c r="I95" s="9" t="s">
        <v>59</v>
      </c>
      <c r="J95" s="9" t="s">
        <v>69</v>
      </c>
      <c r="K95" s="9" t="s">
        <v>18</v>
      </c>
      <c r="L95" s="21" t="s">
        <v>19</v>
      </c>
      <c r="M95" s="9" t="s">
        <v>59</v>
      </c>
      <c r="N95" s="3" t="s">
        <v>62</v>
      </c>
    </row>
    <row r="96" spans="1:14" ht="108" x14ac:dyDescent="0.2">
      <c r="A96" s="40" t="s">
        <v>56</v>
      </c>
      <c r="B96" s="9" t="s">
        <v>70</v>
      </c>
      <c r="C96" s="6" t="s">
        <v>14</v>
      </c>
      <c r="D96" s="9" t="s">
        <v>68</v>
      </c>
      <c r="E96" s="16">
        <v>45974</v>
      </c>
      <c r="F96" s="16">
        <v>45974</v>
      </c>
      <c r="G96" s="9" t="s">
        <v>59</v>
      </c>
      <c r="H96" s="57" t="s">
        <v>60</v>
      </c>
      <c r="I96" s="9" t="s">
        <v>59</v>
      </c>
      <c r="J96" s="9" t="s">
        <v>69</v>
      </c>
      <c r="K96" s="9" t="s">
        <v>18</v>
      </c>
      <c r="L96" s="21" t="s">
        <v>19</v>
      </c>
      <c r="M96" s="9" t="s">
        <v>59</v>
      </c>
      <c r="N96" s="3" t="s">
        <v>62</v>
      </c>
    </row>
    <row r="97" spans="1:14" ht="60" x14ac:dyDescent="0.2">
      <c r="A97" s="51" t="s">
        <v>56</v>
      </c>
      <c r="B97" s="5" t="s">
        <v>291</v>
      </c>
      <c r="C97" s="6" t="s">
        <v>14</v>
      </c>
      <c r="D97" s="5" t="s">
        <v>678</v>
      </c>
      <c r="E97" s="53">
        <v>45976</v>
      </c>
      <c r="F97" s="53">
        <v>45976</v>
      </c>
      <c r="G97" s="5" t="s">
        <v>679</v>
      </c>
      <c r="H97" s="5" t="s">
        <v>680</v>
      </c>
      <c r="I97" s="5" t="s">
        <v>679</v>
      </c>
      <c r="J97" s="5" t="s">
        <v>681</v>
      </c>
      <c r="K97" s="5" t="s">
        <v>18</v>
      </c>
      <c r="L97" s="8" t="s">
        <v>19</v>
      </c>
      <c r="M97" s="5" t="s">
        <v>679</v>
      </c>
      <c r="N97" s="3" t="s">
        <v>676</v>
      </c>
    </row>
    <row r="98" spans="1:14" ht="66" x14ac:dyDescent="0.2">
      <c r="A98" s="40" t="s">
        <v>147</v>
      </c>
      <c r="B98" s="9" t="s">
        <v>148</v>
      </c>
      <c r="C98" s="6" t="s">
        <v>14</v>
      </c>
      <c r="D98" s="9" t="s">
        <v>149</v>
      </c>
      <c r="E98" s="16">
        <v>45968</v>
      </c>
      <c r="F98" s="16">
        <v>45968</v>
      </c>
      <c r="G98" s="9" t="s">
        <v>605</v>
      </c>
      <c r="H98" s="9" t="s">
        <v>150</v>
      </c>
      <c r="I98" s="9" t="s">
        <v>140</v>
      </c>
      <c r="J98" s="9" t="s">
        <v>151</v>
      </c>
      <c r="K98" s="9" t="s">
        <v>18</v>
      </c>
      <c r="L98" s="21" t="s">
        <v>19</v>
      </c>
      <c r="M98" s="9" t="s">
        <v>140</v>
      </c>
      <c r="N98" s="3"/>
    </row>
    <row r="99" spans="1:14" ht="66" x14ac:dyDescent="0.2">
      <c r="A99" s="40" t="s">
        <v>147</v>
      </c>
      <c r="B99" s="9" t="s">
        <v>152</v>
      </c>
      <c r="C99" s="6" t="s">
        <v>14</v>
      </c>
      <c r="D99" s="9" t="s">
        <v>149</v>
      </c>
      <c r="E99" s="16">
        <v>45971</v>
      </c>
      <c r="F99" s="16">
        <v>45971</v>
      </c>
      <c r="G99" s="9" t="s">
        <v>605</v>
      </c>
      <c r="H99" s="9" t="s">
        <v>150</v>
      </c>
      <c r="I99" s="9" t="s">
        <v>140</v>
      </c>
      <c r="J99" s="9" t="s">
        <v>151</v>
      </c>
      <c r="K99" s="9" t="s">
        <v>18</v>
      </c>
      <c r="L99" s="21" t="s">
        <v>19</v>
      </c>
      <c r="M99" s="9" t="s">
        <v>140</v>
      </c>
      <c r="N99" s="3"/>
    </row>
    <row r="100" spans="1:14" ht="66" x14ac:dyDescent="0.2">
      <c r="A100" s="40" t="s">
        <v>147</v>
      </c>
      <c r="B100" s="9" t="s">
        <v>153</v>
      </c>
      <c r="C100" s="6" t="s">
        <v>14</v>
      </c>
      <c r="D100" s="9" t="s">
        <v>149</v>
      </c>
      <c r="E100" s="16">
        <v>45972</v>
      </c>
      <c r="F100" s="16">
        <v>45972</v>
      </c>
      <c r="G100" s="9" t="s">
        <v>605</v>
      </c>
      <c r="H100" s="9" t="s">
        <v>150</v>
      </c>
      <c r="I100" s="9" t="s">
        <v>140</v>
      </c>
      <c r="J100" s="9" t="s">
        <v>151</v>
      </c>
      <c r="K100" s="9" t="s">
        <v>18</v>
      </c>
      <c r="L100" s="21" t="s">
        <v>19</v>
      </c>
      <c r="M100" s="9" t="s">
        <v>140</v>
      </c>
      <c r="N100" s="3"/>
    </row>
    <row r="101" spans="1:14" ht="66" x14ac:dyDescent="0.2">
      <c r="A101" s="40" t="s">
        <v>147</v>
      </c>
      <c r="B101" s="9" t="s">
        <v>155</v>
      </c>
      <c r="C101" s="6" t="s">
        <v>14</v>
      </c>
      <c r="D101" s="9" t="s">
        <v>149</v>
      </c>
      <c r="E101" s="16">
        <v>45975</v>
      </c>
      <c r="F101" s="16">
        <v>45975</v>
      </c>
      <c r="G101" s="9" t="s">
        <v>605</v>
      </c>
      <c r="H101" s="9" t="s">
        <v>150</v>
      </c>
      <c r="I101" s="9" t="s">
        <v>140</v>
      </c>
      <c r="J101" s="9" t="s">
        <v>151</v>
      </c>
      <c r="K101" s="9" t="s">
        <v>18</v>
      </c>
      <c r="L101" s="21" t="s">
        <v>19</v>
      </c>
      <c r="M101" s="9" t="s">
        <v>140</v>
      </c>
      <c r="N101" s="3"/>
    </row>
    <row r="102" spans="1:14" ht="66" x14ac:dyDescent="0.2">
      <c r="A102" s="40" t="s">
        <v>147</v>
      </c>
      <c r="B102" s="9" t="s">
        <v>156</v>
      </c>
      <c r="C102" s="6" t="s">
        <v>14</v>
      </c>
      <c r="D102" s="9" t="s">
        <v>157</v>
      </c>
      <c r="E102" s="16">
        <v>45978</v>
      </c>
      <c r="F102" s="16">
        <v>45978</v>
      </c>
      <c r="G102" s="9" t="s">
        <v>606</v>
      </c>
      <c r="H102" s="9" t="s">
        <v>158</v>
      </c>
      <c r="I102" s="9" t="s">
        <v>140</v>
      </c>
      <c r="J102" s="9" t="s">
        <v>159</v>
      </c>
      <c r="K102" s="9" t="s">
        <v>18</v>
      </c>
      <c r="L102" s="21" t="s">
        <v>19</v>
      </c>
      <c r="M102" s="9" t="s">
        <v>140</v>
      </c>
      <c r="N102" s="3"/>
    </row>
    <row r="103" spans="1:14" ht="79.2" x14ac:dyDescent="0.2">
      <c r="A103" s="60" t="s">
        <v>569</v>
      </c>
      <c r="B103" s="10" t="s">
        <v>712</v>
      </c>
      <c r="C103" s="6" t="s">
        <v>14</v>
      </c>
      <c r="D103" s="10" t="s">
        <v>641</v>
      </c>
      <c r="E103" s="38">
        <v>45962</v>
      </c>
      <c r="F103" s="38">
        <v>45962</v>
      </c>
      <c r="G103" s="10" t="s">
        <v>672</v>
      </c>
      <c r="H103" s="10" t="s">
        <v>642</v>
      </c>
      <c r="I103" s="10" t="s">
        <v>671</v>
      </c>
      <c r="J103" s="10" t="s">
        <v>644</v>
      </c>
      <c r="K103" s="10" t="s">
        <v>18</v>
      </c>
      <c r="L103" s="21" t="s">
        <v>19</v>
      </c>
      <c r="M103" s="10" t="s">
        <v>643</v>
      </c>
      <c r="N103" s="71"/>
    </row>
    <row r="104" spans="1:14" ht="72" x14ac:dyDescent="0.2">
      <c r="A104" s="60" t="s">
        <v>705</v>
      </c>
      <c r="B104" s="10" t="s">
        <v>706</v>
      </c>
      <c r="C104" s="6" t="s">
        <v>14</v>
      </c>
      <c r="D104" s="10" t="s">
        <v>711</v>
      </c>
      <c r="E104" s="38">
        <v>45934</v>
      </c>
      <c r="F104" s="38">
        <v>45934</v>
      </c>
      <c r="G104" s="10" t="s">
        <v>707</v>
      </c>
      <c r="H104" s="10" t="s">
        <v>708</v>
      </c>
      <c r="I104" s="10" t="s">
        <v>707</v>
      </c>
      <c r="J104" s="10" t="s">
        <v>709</v>
      </c>
      <c r="K104" s="21" t="s">
        <v>18</v>
      </c>
      <c r="L104" s="10" t="s">
        <v>41</v>
      </c>
      <c r="M104" s="68" t="s">
        <v>707</v>
      </c>
      <c r="N104" s="70" t="s">
        <v>710</v>
      </c>
    </row>
    <row r="105" spans="1:14" ht="72" x14ac:dyDescent="0.2">
      <c r="A105" s="60" t="s">
        <v>705</v>
      </c>
      <c r="B105" s="10" t="s">
        <v>706</v>
      </c>
      <c r="C105" s="6" t="s">
        <v>14</v>
      </c>
      <c r="D105" s="10" t="s">
        <v>711</v>
      </c>
      <c r="E105" s="38">
        <v>45976</v>
      </c>
      <c r="F105" s="38">
        <v>45976</v>
      </c>
      <c r="G105" s="10" t="s">
        <v>707</v>
      </c>
      <c r="H105" s="10" t="s">
        <v>708</v>
      </c>
      <c r="I105" s="10" t="s">
        <v>707</v>
      </c>
      <c r="J105" s="10" t="s">
        <v>709</v>
      </c>
      <c r="K105" s="21" t="s">
        <v>18</v>
      </c>
      <c r="L105" s="10" t="s">
        <v>41</v>
      </c>
      <c r="M105" s="68" t="s">
        <v>707</v>
      </c>
      <c r="N105" s="70" t="s">
        <v>710</v>
      </c>
    </row>
    <row r="106" spans="1:14" ht="84" x14ac:dyDescent="0.2">
      <c r="A106" s="40" t="s">
        <v>175</v>
      </c>
      <c r="B106" s="9" t="s">
        <v>176</v>
      </c>
      <c r="C106" s="6" t="s">
        <v>14</v>
      </c>
      <c r="D106" s="9" t="s">
        <v>177</v>
      </c>
      <c r="E106" s="16">
        <v>45927</v>
      </c>
      <c r="F106" s="16">
        <v>45927</v>
      </c>
      <c r="G106" s="9" t="s">
        <v>608</v>
      </c>
      <c r="H106" s="9" t="s">
        <v>178</v>
      </c>
      <c r="I106" s="9" t="s">
        <v>607</v>
      </c>
      <c r="J106" s="9" t="s">
        <v>47</v>
      </c>
      <c r="K106" s="9" t="s">
        <v>18</v>
      </c>
      <c r="L106" s="21" t="s">
        <v>19</v>
      </c>
      <c r="M106" s="9" t="s">
        <v>609</v>
      </c>
      <c r="N106" s="3" t="s">
        <v>179</v>
      </c>
    </row>
    <row r="107" spans="1:14" ht="66" x14ac:dyDescent="0.2">
      <c r="A107" s="58" t="s">
        <v>175</v>
      </c>
      <c r="B107" s="22" t="s">
        <v>185</v>
      </c>
      <c r="C107" s="19" t="s">
        <v>14</v>
      </c>
      <c r="D107" s="22" t="s">
        <v>186</v>
      </c>
      <c r="E107" s="47" t="s">
        <v>187</v>
      </c>
      <c r="F107" s="47" t="s">
        <v>187</v>
      </c>
      <c r="G107" s="22" t="s">
        <v>188</v>
      </c>
      <c r="H107" s="22" t="s">
        <v>189</v>
      </c>
      <c r="I107" s="22" t="s">
        <v>190</v>
      </c>
      <c r="J107" s="22" t="s">
        <v>191</v>
      </c>
      <c r="K107" s="22" t="s">
        <v>18</v>
      </c>
      <c r="L107" s="24" t="s">
        <v>19</v>
      </c>
      <c r="M107" s="22" t="s">
        <v>190</v>
      </c>
      <c r="N107" s="3"/>
    </row>
    <row r="108" spans="1:14" ht="84" x14ac:dyDescent="0.2">
      <c r="A108" s="40" t="s">
        <v>175</v>
      </c>
      <c r="B108" s="9" t="s">
        <v>180</v>
      </c>
      <c r="C108" s="6" t="s">
        <v>14</v>
      </c>
      <c r="D108" s="9" t="s">
        <v>181</v>
      </c>
      <c r="E108" s="16">
        <v>45969</v>
      </c>
      <c r="F108" s="16">
        <v>45969</v>
      </c>
      <c r="G108" s="9" t="s">
        <v>608</v>
      </c>
      <c r="H108" s="9" t="s">
        <v>178</v>
      </c>
      <c r="I108" s="9" t="s">
        <v>607</v>
      </c>
      <c r="J108" s="9" t="s">
        <v>182</v>
      </c>
      <c r="K108" s="9" t="s">
        <v>18</v>
      </c>
      <c r="L108" s="21" t="s">
        <v>19</v>
      </c>
      <c r="M108" s="9" t="s">
        <v>610</v>
      </c>
      <c r="N108" s="3" t="s">
        <v>179</v>
      </c>
    </row>
    <row r="109" spans="1:14" ht="84" x14ac:dyDescent="0.2">
      <c r="A109" s="40" t="s">
        <v>175</v>
      </c>
      <c r="B109" s="9" t="s">
        <v>183</v>
      </c>
      <c r="C109" s="6" t="s">
        <v>14</v>
      </c>
      <c r="D109" s="9" t="s">
        <v>184</v>
      </c>
      <c r="E109" s="16">
        <v>45969</v>
      </c>
      <c r="F109" s="16">
        <v>45969</v>
      </c>
      <c r="G109" s="9" t="s">
        <v>608</v>
      </c>
      <c r="H109" s="9" t="s">
        <v>178</v>
      </c>
      <c r="I109" s="9" t="s">
        <v>607</v>
      </c>
      <c r="J109" s="9" t="s">
        <v>182</v>
      </c>
      <c r="K109" s="9" t="s">
        <v>18</v>
      </c>
      <c r="L109" s="21" t="s">
        <v>19</v>
      </c>
      <c r="M109" s="9" t="s">
        <v>610</v>
      </c>
      <c r="N109" s="3" t="s">
        <v>179</v>
      </c>
    </row>
    <row r="110" spans="1:14" ht="60" x14ac:dyDescent="0.2">
      <c r="A110" s="40" t="s">
        <v>42</v>
      </c>
      <c r="B110" s="9" t="s">
        <v>43</v>
      </c>
      <c r="C110" s="6" t="s">
        <v>14</v>
      </c>
      <c r="D110" s="22" t="s">
        <v>44</v>
      </c>
      <c r="E110" s="16">
        <v>45927</v>
      </c>
      <c r="F110" s="16">
        <v>45927</v>
      </c>
      <c r="G110" s="9" t="s">
        <v>45</v>
      </c>
      <c r="H110" s="9" t="s">
        <v>46</v>
      </c>
      <c r="I110" s="9" t="s">
        <v>45</v>
      </c>
      <c r="J110" s="9" t="s">
        <v>47</v>
      </c>
      <c r="K110" s="40" t="s">
        <v>18</v>
      </c>
      <c r="L110" s="21" t="s">
        <v>19</v>
      </c>
      <c r="M110" s="9" t="s">
        <v>45</v>
      </c>
      <c r="N110" s="3" t="s">
        <v>48</v>
      </c>
    </row>
    <row r="111" spans="1:14" ht="60" x14ac:dyDescent="0.2">
      <c r="A111" s="40" t="s">
        <v>42</v>
      </c>
      <c r="B111" s="9" t="s">
        <v>49</v>
      </c>
      <c r="C111" s="6" t="s">
        <v>14</v>
      </c>
      <c r="D111" s="9" t="s">
        <v>50</v>
      </c>
      <c r="E111" s="16">
        <v>45941</v>
      </c>
      <c r="F111" s="16">
        <v>45941</v>
      </c>
      <c r="G111" s="9" t="s">
        <v>45</v>
      </c>
      <c r="H111" s="9" t="s">
        <v>46</v>
      </c>
      <c r="I111" s="9" t="s">
        <v>45</v>
      </c>
      <c r="J111" s="9" t="s">
        <v>51</v>
      </c>
      <c r="K111" s="40" t="s">
        <v>18</v>
      </c>
      <c r="L111" s="21" t="s">
        <v>19</v>
      </c>
      <c r="M111" s="9" t="s">
        <v>45</v>
      </c>
      <c r="N111" s="3" t="s">
        <v>48</v>
      </c>
    </row>
    <row r="112" spans="1:14" ht="60" x14ac:dyDescent="0.2">
      <c r="A112" s="40" t="s">
        <v>42</v>
      </c>
      <c r="B112" s="9" t="s">
        <v>52</v>
      </c>
      <c r="C112" s="6" t="s">
        <v>14</v>
      </c>
      <c r="D112" s="9" t="s">
        <v>53</v>
      </c>
      <c r="E112" s="16">
        <v>45955</v>
      </c>
      <c r="F112" s="16">
        <v>45955</v>
      </c>
      <c r="G112" s="9" t="s">
        <v>45</v>
      </c>
      <c r="H112" s="9" t="s">
        <v>46</v>
      </c>
      <c r="I112" s="9" t="s">
        <v>45</v>
      </c>
      <c r="J112" s="9" t="s">
        <v>54</v>
      </c>
      <c r="K112" s="40" t="s">
        <v>18</v>
      </c>
      <c r="L112" s="21" t="s">
        <v>19</v>
      </c>
      <c r="M112" s="9" t="s">
        <v>45</v>
      </c>
      <c r="N112" s="3" t="s">
        <v>55</v>
      </c>
    </row>
    <row r="113" spans="1:14" ht="52.8" x14ac:dyDescent="0.2">
      <c r="A113" s="40" t="s">
        <v>407</v>
      </c>
      <c r="B113" s="9" t="s">
        <v>408</v>
      </c>
      <c r="C113" s="6" t="s">
        <v>14</v>
      </c>
      <c r="D113" s="9" t="s">
        <v>409</v>
      </c>
      <c r="E113" s="16">
        <v>45962</v>
      </c>
      <c r="F113" s="16">
        <v>45962</v>
      </c>
      <c r="G113" s="9" t="s">
        <v>657</v>
      </c>
      <c r="H113" s="9" t="s">
        <v>411</v>
      </c>
      <c r="I113" s="9" t="s">
        <v>657</v>
      </c>
      <c r="J113" s="9" t="s">
        <v>412</v>
      </c>
      <c r="K113" s="9" t="s">
        <v>18</v>
      </c>
      <c r="L113" s="21" t="s">
        <v>19</v>
      </c>
      <c r="M113" s="9" t="s">
        <v>410</v>
      </c>
      <c r="N113" s="3"/>
    </row>
    <row r="114" spans="1:14" ht="60" x14ac:dyDescent="0.2">
      <c r="A114" s="40" t="s">
        <v>449</v>
      </c>
      <c r="B114" s="9" t="s">
        <v>263</v>
      </c>
      <c r="C114" s="6" t="s">
        <v>14</v>
      </c>
      <c r="D114" s="9" t="s">
        <v>450</v>
      </c>
      <c r="E114" s="16">
        <v>45927</v>
      </c>
      <c r="F114" s="16">
        <v>45927</v>
      </c>
      <c r="G114" s="9" t="s">
        <v>451</v>
      </c>
      <c r="H114" s="9" t="s">
        <v>452</v>
      </c>
      <c r="I114" s="9" t="s">
        <v>451</v>
      </c>
      <c r="J114" s="9" t="s">
        <v>453</v>
      </c>
      <c r="K114" s="9" t="s">
        <v>25</v>
      </c>
      <c r="L114" s="21" t="s">
        <v>19</v>
      </c>
      <c r="M114" s="9" t="s">
        <v>451</v>
      </c>
      <c r="N114" s="3" t="s">
        <v>454</v>
      </c>
    </row>
    <row r="115" spans="1:14" ht="52.8" x14ac:dyDescent="0.2">
      <c r="A115" s="40" t="s">
        <v>12</v>
      </c>
      <c r="B115" s="9" t="s">
        <v>27</v>
      </c>
      <c r="C115" s="6" t="s">
        <v>14</v>
      </c>
      <c r="D115" s="9" t="s">
        <v>28</v>
      </c>
      <c r="E115" s="16">
        <v>45918</v>
      </c>
      <c r="F115" s="16">
        <v>45918</v>
      </c>
      <c r="G115" s="9" t="s">
        <v>29</v>
      </c>
      <c r="H115" s="9" t="s">
        <v>30</v>
      </c>
      <c r="I115" s="9" t="s">
        <v>29</v>
      </c>
      <c r="J115" s="9" t="s">
        <v>31</v>
      </c>
      <c r="K115" s="9" t="s">
        <v>18</v>
      </c>
      <c r="L115" s="21" t="s">
        <v>19</v>
      </c>
      <c r="M115" s="9" t="s">
        <v>32</v>
      </c>
      <c r="N115" s="3"/>
    </row>
    <row r="116" spans="1:14" ht="108" x14ac:dyDescent="0.2">
      <c r="A116" s="40" t="s">
        <v>570</v>
      </c>
      <c r="B116" s="9" t="s">
        <v>13</v>
      </c>
      <c r="C116" s="6" t="s">
        <v>14</v>
      </c>
      <c r="D116" s="9" t="s">
        <v>15</v>
      </c>
      <c r="E116" s="16">
        <v>45927</v>
      </c>
      <c r="F116" s="16">
        <v>45927</v>
      </c>
      <c r="G116" s="9" t="s">
        <v>611</v>
      </c>
      <c r="H116" s="9" t="s">
        <v>16</v>
      </c>
      <c r="I116" s="9" t="s">
        <v>611</v>
      </c>
      <c r="J116" s="9" t="s">
        <v>17</v>
      </c>
      <c r="K116" s="9" t="s">
        <v>18</v>
      </c>
      <c r="L116" s="21" t="s">
        <v>19</v>
      </c>
      <c r="M116" s="9" t="s">
        <v>611</v>
      </c>
      <c r="N116" s="17" t="s">
        <v>20</v>
      </c>
    </row>
    <row r="117" spans="1:14" ht="39.6" x14ac:dyDescent="0.2">
      <c r="A117" s="40" t="s">
        <v>12</v>
      </c>
      <c r="B117" s="9" t="s">
        <v>33</v>
      </c>
      <c r="C117" s="6" t="s">
        <v>14</v>
      </c>
      <c r="D117" s="9" t="s">
        <v>34</v>
      </c>
      <c r="E117" s="16">
        <v>45927</v>
      </c>
      <c r="F117" s="16">
        <v>45927</v>
      </c>
      <c r="G117" s="9" t="s">
        <v>612</v>
      </c>
      <c r="H117" s="9" t="s">
        <v>35</v>
      </c>
      <c r="I117" s="9" t="s">
        <v>612</v>
      </c>
      <c r="J117" s="9" t="s">
        <v>36</v>
      </c>
      <c r="K117" s="9" t="s">
        <v>18</v>
      </c>
      <c r="L117" s="21" t="s">
        <v>19</v>
      </c>
      <c r="M117" s="9" t="s">
        <v>612</v>
      </c>
      <c r="N117" s="3"/>
    </row>
    <row r="118" spans="1:14" ht="96" x14ac:dyDescent="0.2">
      <c r="A118" s="40" t="s">
        <v>12</v>
      </c>
      <c r="B118" s="9" t="s">
        <v>52</v>
      </c>
      <c r="C118" s="6" t="s">
        <v>14</v>
      </c>
      <c r="D118" s="9" t="s">
        <v>287</v>
      </c>
      <c r="E118" s="16">
        <v>45927</v>
      </c>
      <c r="F118" s="16">
        <v>45927</v>
      </c>
      <c r="G118" s="9" t="s">
        <v>615</v>
      </c>
      <c r="H118" s="9" t="s">
        <v>288</v>
      </c>
      <c r="I118" s="9" t="s">
        <v>615</v>
      </c>
      <c r="J118" s="9" t="s">
        <v>289</v>
      </c>
      <c r="K118" s="9" t="s">
        <v>40</v>
      </c>
      <c r="L118" s="21" t="s">
        <v>19</v>
      </c>
      <c r="M118" s="9" t="s">
        <v>615</v>
      </c>
      <c r="N118" s="3" t="s">
        <v>290</v>
      </c>
    </row>
    <row r="119" spans="1:14" ht="79.2" x14ac:dyDescent="0.2">
      <c r="A119" s="40" t="s">
        <v>12</v>
      </c>
      <c r="B119" s="9" t="s">
        <v>417</v>
      </c>
      <c r="C119" s="6" t="s">
        <v>14</v>
      </c>
      <c r="D119" s="9" t="s">
        <v>418</v>
      </c>
      <c r="E119" s="16">
        <v>45927</v>
      </c>
      <c r="F119" s="16">
        <v>45927</v>
      </c>
      <c r="G119" s="9" t="s">
        <v>421</v>
      </c>
      <c r="H119" s="9" t="s">
        <v>420</v>
      </c>
      <c r="I119" s="9" t="s">
        <v>421</v>
      </c>
      <c r="J119" s="9" t="s">
        <v>422</v>
      </c>
      <c r="K119" s="9" t="s">
        <v>25</v>
      </c>
      <c r="L119" s="21" t="s">
        <v>19</v>
      </c>
      <c r="M119" s="9" t="s">
        <v>419</v>
      </c>
      <c r="N119" s="1" t="s">
        <v>423</v>
      </c>
    </row>
    <row r="120" spans="1:14" ht="105.6" x14ac:dyDescent="0.2">
      <c r="A120" s="40" t="s">
        <v>12</v>
      </c>
      <c r="B120" s="9" t="s">
        <v>512</v>
      </c>
      <c r="C120" s="6" t="s">
        <v>14</v>
      </c>
      <c r="D120" s="9" t="s">
        <v>513</v>
      </c>
      <c r="E120" s="16">
        <v>45927</v>
      </c>
      <c r="F120" s="16">
        <v>45927</v>
      </c>
      <c r="G120" s="9" t="s">
        <v>515</v>
      </c>
      <c r="H120" s="9" t="s">
        <v>514</v>
      </c>
      <c r="I120" s="9" t="s">
        <v>515</v>
      </c>
      <c r="J120" s="9" t="s">
        <v>516</v>
      </c>
      <c r="K120" s="9" t="s">
        <v>25</v>
      </c>
      <c r="L120" s="21" t="s">
        <v>41</v>
      </c>
      <c r="M120" s="9" t="s">
        <v>515</v>
      </c>
      <c r="N120" s="1" t="s">
        <v>517</v>
      </c>
    </row>
    <row r="121" spans="1:14" ht="105.6" x14ac:dyDescent="0.2">
      <c r="A121" s="40" t="s">
        <v>12</v>
      </c>
      <c r="B121" s="9" t="s">
        <v>518</v>
      </c>
      <c r="C121" s="6" t="s">
        <v>14</v>
      </c>
      <c r="D121" s="9" t="s">
        <v>519</v>
      </c>
      <c r="E121" s="16">
        <v>45927</v>
      </c>
      <c r="F121" s="16">
        <v>45927</v>
      </c>
      <c r="G121" s="9" t="s">
        <v>515</v>
      </c>
      <c r="H121" s="9" t="s">
        <v>514</v>
      </c>
      <c r="I121" s="9" t="s">
        <v>515</v>
      </c>
      <c r="J121" s="9" t="s">
        <v>520</v>
      </c>
      <c r="K121" s="9" t="s">
        <v>18</v>
      </c>
      <c r="L121" s="21" t="s">
        <v>19</v>
      </c>
      <c r="M121" s="9" t="s">
        <v>515</v>
      </c>
      <c r="N121" s="1" t="s">
        <v>517</v>
      </c>
    </row>
    <row r="122" spans="1:14" ht="96" x14ac:dyDescent="0.2">
      <c r="A122" s="40" t="s">
        <v>12</v>
      </c>
      <c r="B122" s="9" t="s">
        <v>524</v>
      </c>
      <c r="C122" s="6" t="s">
        <v>14</v>
      </c>
      <c r="D122" s="9" t="s">
        <v>525</v>
      </c>
      <c r="E122" s="16">
        <v>45927</v>
      </c>
      <c r="F122" s="16">
        <v>45927</v>
      </c>
      <c r="G122" s="9" t="s">
        <v>617</v>
      </c>
      <c r="H122" s="9" t="s">
        <v>526</v>
      </c>
      <c r="I122" s="9" t="s">
        <v>617</v>
      </c>
      <c r="J122" s="9" t="s">
        <v>527</v>
      </c>
      <c r="K122" s="9" t="s">
        <v>18</v>
      </c>
      <c r="L122" s="21" t="s">
        <v>19</v>
      </c>
      <c r="M122" s="9" t="s">
        <v>618</v>
      </c>
      <c r="N122" s="3" t="s">
        <v>404</v>
      </c>
    </row>
    <row r="123" spans="1:14" ht="120" x14ac:dyDescent="0.2">
      <c r="A123" s="73" t="s">
        <v>12</v>
      </c>
      <c r="B123" s="74" t="s">
        <v>247</v>
      </c>
      <c r="C123" s="75" t="s">
        <v>14</v>
      </c>
      <c r="D123" s="74" t="s">
        <v>713</v>
      </c>
      <c r="E123" s="76" t="s">
        <v>716</v>
      </c>
      <c r="F123" s="76" t="s">
        <v>716</v>
      </c>
      <c r="G123" s="74" t="s">
        <v>714</v>
      </c>
      <c r="H123" s="74" t="s">
        <v>715</v>
      </c>
      <c r="I123" s="74" t="s">
        <v>714</v>
      </c>
      <c r="J123" s="74" t="s">
        <v>191</v>
      </c>
      <c r="K123" s="74" t="s">
        <v>18</v>
      </c>
      <c r="L123" s="77" t="s">
        <v>19</v>
      </c>
      <c r="M123" s="74" t="s">
        <v>714</v>
      </c>
      <c r="N123" s="3" t="s">
        <v>717</v>
      </c>
    </row>
    <row r="124" spans="1:14" ht="211.2" x14ac:dyDescent="0.2">
      <c r="A124" s="40" t="s">
        <v>12</v>
      </c>
      <c r="B124" s="9" t="s">
        <v>397</v>
      </c>
      <c r="C124" s="6" t="s">
        <v>14</v>
      </c>
      <c r="D124" s="9" t="s">
        <v>398</v>
      </c>
      <c r="E124" s="16">
        <v>45929</v>
      </c>
      <c r="F124" s="16">
        <v>45929</v>
      </c>
      <c r="G124" s="9" t="s">
        <v>399</v>
      </c>
      <c r="H124" s="9" t="s">
        <v>400</v>
      </c>
      <c r="I124" s="9" t="s">
        <v>401</v>
      </c>
      <c r="J124" s="9" t="s">
        <v>402</v>
      </c>
      <c r="K124" s="9" t="s">
        <v>18</v>
      </c>
      <c r="L124" s="21" t="s">
        <v>19</v>
      </c>
      <c r="M124" s="9" t="s">
        <v>403</v>
      </c>
      <c r="N124" s="3" t="s">
        <v>404</v>
      </c>
    </row>
    <row r="125" spans="1:14" ht="39.6" x14ac:dyDescent="0.2">
      <c r="A125" s="58" t="s">
        <v>12</v>
      </c>
      <c r="B125" s="22" t="s">
        <v>93</v>
      </c>
      <c r="C125" s="19" t="s">
        <v>14</v>
      </c>
      <c r="D125" s="22" t="s">
        <v>209</v>
      </c>
      <c r="E125" s="45" t="s">
        <v>210</v>
      </c>
      <c r="F125" s="45" t="s">
        <v>210</v>
      </c>
      <c r="G125" s="22" t="s">
        <v>211</v>
      </c>
      <c r="H125" s="22" t="s">
        <v>212</v>
      </c>
      <c r="I125" s="22" t="s">
        <v>211</v>
      </c>
      <c r="J125" s="22" t="s">
        <v>213</v>
      </c>
      <c r="K125" s="22" t="s">
        <v>18</v>
      </c>
      <c r="L125" s="24"/>
      <c r="M125" s="22" t="s">
        <v>214</v>
      </c>
      <c r="N125" s="3"/>
    </row>
    <row r="126" spans="1:14" ht="60" x14ac:dyDescent="0.2">
      <c r="A126" s="40" t="s">
        <v>12</v>
      </c>
      <c r="B126" s="9" t="s">
        <v>93</v>
      </c>
      <c r="C126" s="6" t="s">
        <v>14</v>
      </c>
      <c r="D126" s="9" t="s">
        <v>192</v>
      </c>
      <c r="E126" s="16">
        <v>45941</v>
      </c>
      <c r="F126" s="16">
        <v>45941</v>
      </c>
      <c r="G126" s="9" t="s">
        <v>658</v>
      </c>
      <c r="H126" s="9" t="s">
        <v>193</v>
      </c>
      <c r="I126" s="9" t="s">
        <v>668</v>
      </c>
      <c r="J126" s="9" t="s">
        <v>194</v>
      </c>
      <c r="K126" s="9" t="s">
        <v>18</v>
      </c>
      <c r="L126" s="21" t="s">
        <v>19</v>
      </c>
      <c r="M126" s="9" t="s">
        <v>195</v>
      </c>
      <c r="N126" s="3" t="s">
        <v>196</v>
      </c>
    </row>
    <row r="127" spans="1:14" ht="66" x14ac:dyDescent="0.2">
      <c r="A127" s="40" t="s">
        <v>12</v>
      </c>
      <c r="B127" s="9" t="s">
        <v>543</v>
      </c>
      <c r="C127" s="6" t="s">
        <v>14</v>
      </c>
      <c r="D127" s="9" t="s">
        <v>544</v>
      </c>
      <c r="E127" s="16">
        <v>45941</v>
      </c>
      <c r="F127" s="16">
        <v>45941</v>
      </c>
      <c r="G127" s="9" t="s">
        <v>545</v>
      </c>
      <c r="H127" s="9" t="s">
        <v>546</v>
      </c>
      <c r="I127" s="9" t="s">
        <v>545</v>
      </c>
      <c r="J127" s="9" t="s">
        <v>547</v>
      </c>
      <c r="K127" s="9" t="s">
        <v>18</v>
      </c>
      <c r="L127" s="21" t="s">
        <v>548</v>
      </c>
      <c r="M127" s="9" t="s">
        <v>545</v>
      </c>
      <c r="N127" s="3"/>
    </row>
    <row r="128" spans="1:14" ht="72" x14ac:dyDescent="0.2">
      <c r="A128" s="40" t="s">
        <v>12</v>
      </c>
      <c r="B128" s="9" t="s">
        <v>351</v>
      </c>
      <c r="C128" s="6" t="s">
        <v>14</v>
      </c>
      <c r="D128" s="9" t="s">
        <v>352</v>
      </c>
      <c r="E128" s="16">
        <v>45948</v>
      </c>
      <c r="F128" s="16">
        <v>45948</v>
      </c>
      <c r="G128" s="9" t="s">
        <v>659</v>
      </c>
      <c r="H128" s="9" t="s">
        <v>353</v>
      </c>
      <c r="I128" s="9" t="s">
        <v>669</v>
      </c>
      <c r="J128" s="9" t="s">
        <v>354</v>
      </c>
      <c r="K128" s="9" t="s">
        <v>18</v>
      </c>
      <c r="L128" s="21" t="s">
        <v>19</v>
      </c>
      <c r="M128" s="9" t="s">
        <v>355</v>
      </c>
      <c r="N128" s="3" t="s">
        <v>356</v>
      </c>
    </row>
    <row r="129" spans="1:14" ht="211.2" x14ac:dyDescent="0.2">
      <c r="A129" s="40" t="s">
        <v>12</v>
      </c>
      <c r="B129" s="9" t="s">
        <v>405</v>
      </c>
      <c r="C129" s="6" t="s">
        <v>14</v>
      </c>
      <c r="D129" s="9" t="s">
        <v>398</v>
      </c>
      <c r="E129" s="16">
        <v>45950</v>
      </c>
      <c r="F129" s="16">
        <v>45950</v>
      </c>
      <c r="G129" s="9" t="s">
        <v>399</v>
      </c>
      <c r="H129" s="9" t="s">
        <v>400</v>
      </c>
      <c r="I129" s="9" t="s">
        <v>401</v>
      </c>
      <c r="J129" s="9" t="s">
        <v>402</v>
      </c>
      <c r="K129" s="9" t="s">
        <v>18</v>
      </c>
      <c r="L129" s="21" t="s">
        <v>19</v>
      </c>
      <c r="M129" s="9" t="s">
        <v>403</v>
      </c>
      <c r="N129" s="3" t="s">
        <v>404</v>
      </c>
    </row>
    <row r="130" spans="1:14" ht="52.8" x14ac:dyDescent="0.2">
      <c r="A130" s="40" t="s">
        <v>12</v>
      </c>
      <c r="B130" s="9" t="s">
        <v>463</v>
      </c>
      <c r="C130" s="6" t="s">
        <v>14</v>
      </c>
      <c r="D130" s="9" t="s">
        <v>464</v>
      </c>
      <c r="E130" s="16">
        <v>45955</v>
      </c>
      <c r="F130" s="16">
        <v>45955</v>
      </c>
      <c r="G130" s="9" t="s">
        <v>661</v>
      </c>
      <c r="H130" s="9" t="s">
        <v>465</v>
      </c>
      <c r="I130" s="9" t="s">
        <v>466</v>
      </c>
      <c r="J130" s="9" t="s">
        <v>467</v>
      </c>
      <c r="K130" s="9" t="s">
        <v>18</v>
      </c>
      <c r="L130" s="21" t="s">
        <v>41</v>
      </c>
      <c r="M130" s="9" t="s">
        <v>466</v>
      </c>
      <c r="N130" s="1"/>
    </row>
    <row r="131" spans="1:14" ht="118.8" x14ac:dyDescent="0.2">
      <c r="A131" s="40" t="s">
        <v>12</v>
      </c>
      <c r="B131" s="9" t="s">
        <v>521</v>
      </c>
      <c r="C131" s="6" t="s">
        <v>82</v>
      </c>
      <c r="D131" s="9" t="s">
        <v>522</v>
      </c>
      <c r="E131" s="16">
        <v>45955</v>
      </c>
      <c r="F131" s="16">
        <v>45956</v>
      </c>
      <c r="G131" s="9" t="s">
        <v>515</v>
      </c>
      <c r="H131" s="9" t="s">
        <v>514</v>
      </c>
      <c r="I131" s="9" t="s">
        <v>515</v>
      </c>
      <c r="J131" s="9" t="s">
        <v>523</v>
      </c>
      <c r="K131" s="9" t="s">
        <v>18</v>
      </c>
      <c r="L131" s="21" t="s">
        <v>41</v>
      </c>
      <c r="M131" s="9" t="s">
        <v>515</v>
      </c>
      <c r="N131" s="1" t="s">
        <v>517</v>
      </c>
    </row>
    <row r="132" spans="1:14" ht="72" x14ac:dyDescent="0.2">
      <c r="A132" s="40" t="s">
        <v>12</v>
      </c>
      <c r="B132" s="9" t="s">
        <v>198</v>
      </c>
      <c r="C132" s="6" t="s">
        <v>14</v>
      </c>
      <c r="D132" s="9" t="s">
        <v>529</v>
      </c>
      <c r="E132" s="16">
        <v>45955</v>
      </c>
      <c r="F132" s="16">
        <v>45955</v>
      </c>
      <c r="G132" s="9" t="s">
        <v>617</v>
      </c>
      <c r="H132" s="9" t="s">
        <v>526</v>
      </c>
      <c r="I132" s="9" t="s">
        <v>617</v>
      </c>
      <c r="J132" s="9" t="s">
        <v>530</v>
      </c>
      <c r="K132" s="9" t="s">
        <v>18</v>
      </c>
      <c r="L132" s="21" t="s">
        <v>19</v>
      </c>
      <c r="M132" s="9" t="s">
        <v>618</v>
      </c>
      <c r="N132" s="3" t="s">
        <v>528</v>
      </c>
    </row>
    <row r="133" spans="1:14" ht="66" x14ac:dyDescent="0.2">
      <c r="A133" s="58" t="s">
        <v>12</v>
      </c>
      <c r="B133" s="22" t="s">
        <v>106</v>
      </c>
      <c r="C133" s="19" t="s">
        <v>14</v>
      </c>
      <c r="D133" s="22" t="s">
        <v>559</v>
      </c>
      <c r="E133" s="39">
        <v>45955</v>
      </c>
      <c r="F133" s="39">
        <v>45955</v>
      </c>
      <c r="G133" s="22" t="s">
        <v>619</v>
      </c>
      <c r="H133" s="22" t="s">
        <v>560</v>
      </c>
      <c r="I133" s="22" t="s">
        <v>561</v>
      </c>
      <c r="J133" s="22" t="s">
        <v>562</v>
      </c>
      <c r="K133" s="22" t="s">
        <v>18</v>
      </c>
      <c r="L133" s="24" t="s">
        <v>19</v>
      </c>
      <c r="M133" s="22" t="s">
        <v>620</v>
      </c>
      <c r="N133" s="3"/>
    </row>
    <row r="134" spans="1:14" ht="66" x14ac:dyDescent="0.2">
      <c r="A134" s="40" t="s">
        <v>12</v>
      </c>
      <c r="B134" s="9" t="s">
        <v>132</v>
      </c>
      <c r="C134" s="6" t="s">
        <v>14</v>
      </c>
      <c r="D134" s="9" t="s">
        <v>133</v>
      </c>
      <c r="E134" s="16">
        <v>45957</v>
      </c>
      <c r="F134" s="16">
        <v>45957</v>
      </c>
      <c r="G134" s="9" t="s">
        <v>613</v>
      </c>
      <c r="H134" s="9" t="s">
        <v>134</v>
      </c>
      <c r="I134" s="9" t="s">
        <v>613</v>
      </c>
      <c r="J134" s="9" t="s">
        <v>135</v>
      </c>
      <c r="K134" s="9" t="s">
        <v>18</v>
      </c>
      <c r="L134" s="21" t="s">
        <v>19</v>
      </c>
      <c r="M134" s="9" t="s">
        <v>614</v>
      </c>
      <c r="N134" s="3"/>
    </row>
    <row r="135" spans="1:14" ht="72" x14ac:dyDescent="0.2">
      <c r="A135" s="40" t="s">
        <v>12</v>
      </c>
      <c r="B135" s="9" t="s">
        <v>81</v>
      </c>
      <c r="C135" s="6" t="s">
        <v>82</v>
      </c>
      <c r="D135" s="9" t="s">
        <v>358</v>
      </c>
      <c r="E135" s="16">
        <v>45962</v>
      </c>
      <c r="F135" s="16">
        <v>45962</v>
      </c>
      <c r="G135" s="9" t="s">
        <v>659</v>
      </c>
      <c r="H135" s="9" t="s">
        <v>353</v>
      </c>
      <c r="I135" s="9" t="s">
        <v>669</v>
      </c>
      <c r="J135" s="9" t="s">
        <v>359</v>
      </c>
      <c r="K135" s="9" t="s">
        <v>18</v>
      </c>
      <c r="L135" s="21" t="s">
        <v>41</v>
      </c>
      <c r="M135" s="9" t="s">
        <v>360</v>
      </c>
      <c r="N135" s="3" t="s">
        <v>356</v>
      </c>
    </row>
    <row r="136" spans="1:14" ht="52.8" x14ac:dyDescent="0.2">
      <c r="A136" s="40" t="s">
        <v>12</v>
      </c>
      <c r="B136" s="9" t="s">
        <v>198</v>
      </c>
      <c r="C136" s="6" t="s">
        <v>14</v>
      </c>
      <c r="D136" s="9" t="s">
        <v>468</v>
      </c>
      <c r="E136" s="16">
        <v>45962</v>
      </c>
      <c r="F136" s="16">
        <v>45962</v>
      </c>
      <c r="G136" s="9" t="s">
        <v>662</v>
      </c>
      <c r="H136" s="9" t="s">
        <v>465</v>
      </c>
      <c r="I136" s="9" t="s">
        <v>469</v>
      </c>
      <c r="J136" s="9" t="s">
        <v>470</v>
      </c>
      <c r="K136" s="9" t="s">
        <v>18</v>
      </c>
      <c r="L136" s="21" t="s">
        <v>19</v>
      </c>
      <c r="M136" s="9" t="s">
        <v>469</v>
      </c>
      <c r="N136" s="1"/>
    </row>
    <row r="137" spans="1:14" ht="26.4" x14ac:dyDescent="0.2">
      <c r="A137" s="40" t="s">
        <v>12</v>
      </c>
      <c r="B137" s="9" t="s">
        <v>37</v>
      </c>
      <c r="C137" s="6" t="s">
        <v>14</v>
      </c>
      <c r="D137" s="9" t="s">
        <v>38</v>
      </c>
      <c r="E137" s="42" t="s">
        <v>626</v>
      </c>
      <c r="F137" s="16">
        <v>45963</v>
      </c>
      <c r="G137" s="9" t="s">
        <v>612</v>
      </c>
      <c r="H137" s="9" t="s">
        <v>35</v>
      </c>
      <c r="I137" s="9" t="s">
        <v>612</v>
      </c>
      <c r="J137" s="9" t="s">
        <v>39</v>
      </c>
      <c r="K137" s="9" t="s">
        <v>40</v>
      </c>
      <c r="L137" s="21" t="s">
        <v>41</v>
      </c>
      <c r="M137" s="9" t="s">
        <v>612</v>
      </c>
      <c r="N137" s="3"/>
    </row>
    <row r="138" spans="1:14" ht="60" x14ac:dyDescent="0.2">
      <c r="A138" s="40" t="s">
        <v>12</v>
      </c>
      <c r="B138" s="9" t="s">
        <v>93</v>
      </c>
      <c r="C138" s="6" t="s">
        <v>14</v>
      </c>
      <c r="D138" s="9" t="s">
        <v>192</v>
      </c>
      <c r="E138" s="16">
        <v>45969</v>
      </c>
      <c r="F138" s="16">
        <v>45969</v>
      </c>
      <c r="G138" s="9" t="s">
        <v>658</v>
      </c>
      <c r="H138" s="9" t="s">
        <v>193</v>
      </c>
      <c r="I138" s="9" t="s">
        <v>668</v>
      </c>
      <c r="J138" s="9" t="s">
        <v>194</v>
      </c>
      <c r="K138" s="9" t="s">
        <v>18</v>
      </c>
      <c r="L138" s="21" t="s">
        <v>19</v>
      </c>
      <c r="M138" s="9" t="s">
        <v>195</v>
      </c>
      <c r="N138" s="3" t="s">
        <v>196</v>
      </c>
    </row>
    <row r="139" spans="1:14" ht="39.6" x14ac:dyDescent="0.2">
      <c r="A139" s="58" t="s">
        <v>12</v>
      </c>
      <c r="B139" s="22" t="s">
        <v>563</v>
      </c>
      <c r="C139" s="19" t="s">
        <v>14</v>
      </c>
      <c r="D139" s="22" t="s">
        <v>564</v>
      </c>
      <c r="E139" s="39">
        <v>45969</v>
      </c>
      <c r="F139" s="39">
        <v>45969</v>
      </c>
      <c r="G139" s="22" t="s">
        <v>619</v>
      </c>
      <c r="H139" s="22" t="s">
        <v>560</v>
      </c>
      <c r="I139" s="22" t="s">
        <v>561</v>
      </c>
      <c r="J139" s="22" t="s">
        <v>527</v>
      </c>
      <c r="K139" s="22" t="s">
        <v>18</v>
      </c>
      <c r="L139" s="24" t="s">
        <v>19</v>
      </c>
      <c r="M139" s="22" t="s">
        <v>620</v>
      </c>
      <c r="N139" s="3"/>
    </row>
    <row r="140" spans="1:14" ht="211.2" x14ac:dyDescent="0.2">
      <c r="A140" s="40" t="s">
        <v>12</v>
      </c>
      <c r="B140" s="9" t="s">
        <v>406</v>
      </c>
      <c r="C140" s="6" t="s">
        <v>14</v>
      </c>
      <c r="D140" s="9" t="s">
        <v>398</v>
      </c>
      <c r="E140" s="16">
        <v>45971</v>
      </c>
      <c r="F140" s="16">
        <v>45971</v>
      </c>
      <c r="G140" s="9" t="s">
        <v>399</v>
      </c>
      <c r="H140" s="41" t="s">
        <v>567</v>
      </c>
      <c r="I140" s="9" t="s">
        <v>401</v>
      </c>
      <c r="J140" s="9" t="s">
        <v>402</v>
      </c>
      <c r="K140" s="9" t="s">
        <v>18</v>
      </c>
      <c r="L140" s="21" t="s">
        <v>19</v>
      </c>
      <c r="M140" s="9" t="s">
        <v>403</v>
      </c>
      <c r="N140" s="3" t="s">
        <v>404</v>
      </c>
    </row>
    <row r="141" spans="1:14" ht="96" x14ac:dyDescent="0.2">
      <c r="A141" s="40" t="s">
        <v>12</v>
      </c>
      <c r="B141" s="9" t="s">
        <v>291</v>
      </c>
      <c r="C141" s="6" t="s">
        <v>14</v>
      </c>
      <c r="D141" s="9" t="s">
        <v>292</v>
      </c>
      <c r="E141" s="16">
        <v>45976</v>
      </c>
      <c r="F141" s="16">
        <v>45976</v>
      </c>
      <c r="G141" s="9" t="s">
        <v>616</v>
      </c>
      <c r="H141" s="9" t="s">
        <v>288</v>
      </c>
      <c r="I141" s="9" t="s">
        <v>615</v>
      </c>
      <c r="J141" s="9" t="s">
        <v>289</v>
      </c>
      <c r="K141" s="9" t="s">
        <v>18</v>
      </c>
      <c r="L141" s="21" t="s">
        <v>19</v>
      </c>
      <c r="M141" s="9" t="s">
        <v>615</v>
      </c>
      <c r="N141" s="12" t="s">
        <v>290</v>
      </c>
    </row>
    <row r="142" spans="1:14" ht="72" x14ac:dyDescent="0.2">
      <c r="A142" s="40" t="s">
        <v>12</v>
      </c>
      <c r="B142" s="9" t="s">
        <v>357</v>
      </c>
      <c r="C142" s="6" t="s">
        <v>14</v>
      </c>
      <c r="D142" s="9" t="s">
        <v>352</v>
      </c>
      <c r="E142" s="16">
        <v>45976</v>
      </c>
      <c r="F142" s="16">
        <v>45976</v>
      </c>
      <c r="G142" s="9" t="s">
        <v>659</v>
      </c>
      <c r="H142" s="9" t="s">
        <v>353</v>
      </c>
      <c r="I142" s="9" t="s">
        <v>669</v>
      </c>
      <c r="J142" s="9" t="s">
        <v>354</v>
      </c>
      <c r="K142" s="9" t="s">
        <v>18</v>
      </c>
      <c r="L142" s="21" t="s">
        <v>19</v>
      </c>
      <c r="M142" s="9" t="s">
        <v>355</v>
      </c>
      <c r="N142" s="3" t="s">
        <v>356</v>
      </c>
    </row>
    <row r="143" spans="1:14" ht="72" x14ac:dyDescent="0.2">
      <c r="A143" s="40" t="s">
        <v>12</v>
      </c>
      <c r="B143" s="9" t="s">
        <v>531</v>
      </c>
      <c r="C143" s="6" t="s">
        <v>14</v>
      </c>
      <c r="D143" s="9" t="s">
        <v>525</v>
      </c>
      <c r="E143" s="16">
        <v>45976</v>
      </c>
      <c r="F143" s="16">
        <v>45976</v>
      </c>
      <c r="G143" s="9" t="s">
        <v>617</v>
      </c>
      <c r="H143" s="9" t="s">
        <v>526</v>
      </c>
      <c r="I143" s="9" t="s">
        <v>617</v>
      </c>
      <c r="J143" s="9" t="s">
        <v>527</v>
      </c>
      <c r="K143" s="9" t="s">
        <v>18</v>
      </c>
      <c r="L143" s="21" t="s">
        <v>19</v>
      </c>
      <c r="M143" s="9" t="s">
        <v>618</v>
      </c>
      <c r="N143" s="3" t="s">
        <v>528</v>
      </c>
    </row>
    <row r="144" spans="1:14" ht="26.4" x14ac:dyDescent="0.2">
      <c r="A144" s="40" t="s">
        <v>12</v>
      </c>
      <c r="B144" s="9" t="s">
        <v>549</v>
      </c>
      <c r="C144" s="6" t="s">
        <v>550</v>
      </c>
      <c r="D144" s="9" t="s">
        <v>551</v>
      </c>
      <c r="E144" s="16">
        <v>45976</v>
      </c>
      <c r="F144" s="16">
        <v>45976</v>
      </c>
      <c r="G144" s="9" t="s">
        <v>545</v>
      </c>
      <c r="H144" s="9" t="s">
        <v>546</v>
      </c>
      <c r="I144" s="9" t="s">
        <v>545</v>
      </c>
      <c r="J144" s="9" t="s">
        <v>552</v>
      </c>
      <c r="K144" s="9" t="s">
        <v>18</v>
      </c>
      <c r="L144" s="21" t="s">
        <v>41</v>
      </c>
      <c r="M144" s="9" t="s">
        <v>545</v>
      </c>
      <c r="N144" s="3"/>
    </row>
    <row r="145" spans="1:14" ht="39.6" x14ac:dyDescent="0.2">
      <c r="A145" s="58" t="s">
        <v>12</v>
      </c>
      <c r="B145" s="22" t="s">
        <v>565</v>
      </c>
      <c r="C145" s="19" t="s">
        <v>14</v>
      </c>
      <c r="D145" s="22" t="s">
        <v>564</v>
      </c>
      <c r="E145" s="39">
        <v>45976</v>
      </c>
      <c r="F145" s="39">
        <v>45976</v>
      </c>
      <c r="G145" s="22" t="s">
        <v>619</v>
      </c>
      <c r="H145" s="22" t="s">
        <v>560</v>
      </c>
      <c r="I145" s="22" t="s">
        <v>561</v>
      </c>
      <c r="J145" s="22" t="s">
        <v>566</v>
      </c>
      <c r="K145" s="22" t="s">
        <v>18</v>
      </c>
      <c r="L145" s="24" t="s">
        <v>19</v>
      </c>
      <c r="M145" s="22" t="s">
        <v>620</v>
      </c>
      <c r="N145" s="3"/>
    </row>
  </sheetData>
  <autoFilter ref="A2:N145"/>
  <mergeCells count="1">
    <mergeCell ref="A1:N1"/>
  </mergeCells>
  <phoneticPr fontId="5"/>
  <dataValidations count="1">
    <dataValidation type="list" allowBlank="1" showInputMessage="1" showErrorMessage="1" sqref="J104:J105">
      <formula1>"有料,無料,その他"</formula1>
    </dataValidation>
  </dataValidations>
  <hyperlinks>
    <hyperlink ref="N116" r:id="rId1"/>
    <hyperlink ref="N49" r:id="rId2"/>
    <hyperlink ref="N88" r:id="rId3"/>
    <hyperlink ref="N106" r:id="rId4"/>
    <hyperlink ref="N108" r:id="rId5"/>
    <hyperlink ref="N109" r:id="rId6"/>
    <hyperlink ref="N24" r:id="rId7"/>
    <hyperlink ref="N17" r:id="rId8"/>
    <hyperlink ref="N73" r:id="rId9"/>
    <hyperlink ref="N76" r:id="rId10"/>
    <hyperlink ref="N4" r:id="rId11"/>
    <hyperlink ref="N6" r:id="rId12"/>
    <hyperlink ref="N9" r:id="rId13"/>
    <hyperlink ref="N12" r:id="rId14"/>
    <hyperlink ref="N13" r:id="rId15"/>
    <hyperlink ref="N31" r:id="rId16"/>
    <hyperlink ref="N29" r:id="rId17"/>
    <hyperlink ref="N118" r:id="rId18"/>
    <hyperlink ref="N141" r:id="rId19"/>
    <hyperlink ref="N42" r:id="rId20"/>
    <hyperlink ref="N59" r:id="rId21"/>
    <hyperlink ref="N67" r:id="rId22"/>
    <hyperlink ref="N69" r:id="rId23"/>
    <hyperlink ref="N85" r:id="rId24"/>
    <hyperlink ref="N51" r:id="rId25"/>
    <hyperlink ref="N53" r:id="rId26"/>
    <hyperlink ref="N58" r:id="rId27"/>
    <hyperlink ref="N110" r:id="rId28"/>
    <hyperlink ref="N111" r:id="rId29"/>
    <hyperlink ref="N124" r:id="rId30"/>
    <hyperlink ref="N129" r:id="rId31"/>
    <hyperlink ref="N140" r:id="rId32"/>
    <hyperlink ref="N119" r:id="rId33"/>
    <hyperlink ref="N41" r:id="rId34"/>
    <hyperlink ref="N19" r:id="rId35"/>
    <hyperlink ref="N22" r:id="rId36"/>
    <hyperlink ref="N120" r:id="rId37"/>
    <hyperlink ref="N121" r:id="rId38"/>
    <hyperlink ref="N131" r:id="rId39"/>
    <hyperlink ref="N132" r:id="rId40"/>
    <hyperlink ref="N143" r:id="rId41"/>
    <hyperlink ref="N89" r:id="rId42"/>
    <hyperlink ref="N25" r:id="rId43"/>
    <hyperlink ref="N43" r:id="rId44" display="https://www.pen-kanagawa.ed.jp/asao-sh/"/>
    <hyperlink ref="N5" r:id="rId45"/>
    <hyperlink ref="N86" r:id="rId46"/>
    <hyperlink ref="N87" r:id="rId47"/>
    <hyperlink ref="N50" r:id="rId48"/>
    <hyperlink ref="N48" r:id="rId49"/>
    <hyperlink ref="N91" r:id="rId50"/>
    <hyperlink ref="N90" r:id="rId51"/>
    <hyperlink ref="N104" r:id="rId52"/>
    <hyperlink ref="N105" r:id="rId53"/>
    <hyperlink ref="N122" r:id="rId54"/>
  </hyperlinks>
  <pageMargins left="0.70866141732283472" right="0.70866141732283472" top="0.74803149606299213" bottom="0.74803149606299213" header="0.31496062992125984" footer="0.31496062992125984"/>
  <pageSetup paperSize="8" scale="68" fitToHeight="0" orientation="portrait" r:id="rId55"/>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dimension ref="A1:N3"/>
  <sheetViews>
    <sheetView zoomScaleNormal="100" workbookViewId="0">
      <pane ySplit="2" topLeftCell="A3" activePane="bottomLeft" state="frozen"/>
      <selection pane="bottomLeft" activeCell="A2" sqref="A2:N2"/>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96.6" thickTop="1" x14ac:dyDescent="0.2">
      <c r="A3" s="40" t="s">
        <v>687</v>
      </c>
      <c r="B3" s="9" t="s">
        <v>320</v>
      </c>
      <c r="C3" s="6" t="s">
        <v>14</v>
      </c>
      <c r="D3" s="9" t="s">
        <v>321</v>
      </c>
      <c r="E3" s="16">
        <v>45955</v>
      </c>
      <c r="F3" s="16">
        <v>45955</v>
      </c>
      <c r="G3" s="9" t="s">
        <v>322</v>
      </c>
      <c r="H3" s="9" t="s">
        <v>323</v>
      </c>
      <c r="I3" s="9" t="s">
        <v>322</v>
      </c>
      <c r="J3" s="9" t="s">
        <v>324</v>
      </c>
      <c r="K3" s="9" t="s">
        <v>18</v>
      </c>
      <c r="L3" s="21" t="s">
        <v>19</v>
      </c>
      <c r="M3" s="9" t="s">
        <v>322</v>
      </c>
      <c r="N3" s="3" t="s">
        <v>325</v>
      </c>
    </row>
  </sheetData>
  <mergeCells count="1">
    <mergeCell ref="A1:N1"/>
  </mergeCells>
  <phoneticPr fontId="5"/>
  <dataValidations count="1">
    <dataValidation type="list" allowBlank="1" showInputMessage="1" showErrorMessage="1" sqref="K3">
      <formula1>"有料,無料,その他"</formula1>
    </dataValidation>
  </dataValidations>
  <hyperlinks>
    <hyperlink ref="N3" r:id="rId1"/>
  </hyperlinks>
  <pageMargins left="0.7" right="0.7" top="0.75" bottom="0.75" header="0.3" footer="0.3"/>
  <pageSetup paperSize="9" orientation="portrait"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N4"/>
  <sheetViews>
    <sheetView zoomScaleNormal="100" workbookViewId="0">
      <pane ySplit="2" topLeftCell="A3" activePane="bottomLeft" state="frozen"/>
      <selection pane="bottomLeft" activeCell="A2" sqref="A2:N2"/>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79.8" thickTop="1" x14ac:dyDescent="0.2">
      <c r="A3" s="51" t="s">
        <v>568</v>
      </c>
      <c r="B3" s="5" t="s">
        <v>628</v>
      </c>
      <c r="C3" s="6" t="s">
        <v>14</v>
      </c>
      <c r="D3" s="5" t="s">
        <v>629</v>
      </c>
      <c r="E3" s="15">
        <v>45962</v>
      </c>
      <c r="F3" s="15">
        <v>45962</v>
      </c>
      <c r="G3" s="5" t="s">
        <v>630</v>
      </c>
      <c r="H3" s="5" t="s">
        <v>631</v>
      </c>
      <c r="I3" s="9" t="s">
        <v>632</v>
      </c>
      <c r="J3" s="5" t="s">
        <v>633</v>
      </c>
      <c r="K3" s="5" t="s">
        <v>18</v>
      </c>
      <c r="L3" s="8" t="s">
        <v>19</v>
      </c>
      <c r="M3" s="5" t="s">
        <v>634</v>
      </c>
      <c r="N3" s="2" t="s">
        <v>635</v>
      </c>
    </row>
    <row r="4" spans="1:14" ht="79.2" x14ac:dyDescent="0.2">
      <c r="A4" s="51" t="s">
        <v>568</v>
      </c>
      <c r="B4" s="5" t="s">
        <v>636</v>
      </c>
      <c r="C4" s="6" t="s">
        <v>14</v>
      </c>
      <c r="D4" s="5" t="s">
        <v>637</v>
      </c>
      <c r="E4" s="15">
        <v>45976</v>
      </c>
      <c r="F4" s="15">
        <v>45976</v>
      </c>
      <c r="G4" s="5" t="s">
        <v>638</v>
      </c>
      <c r="H4" s="5" t="s">
        <v>639</v>
      </c>
      <c r="I4" s="9" t="s">
        <v>632</v>
      </c>
      <c r="J4" s="5" t="s">
        <v>633</v>
      </c>
      <c r="K4" s="5" t="s">
        <v>18</v>
      </c>
      <c r="L4" s="8" t="s">
        <v>41</v>
      </c>
      <c r="M4" s="5" t="s">
        <v>640</v>
      </c>
      <c r="N4" s="4" t="s">
        <v>635</v>
      </c>
    </row>
  </sheetData>
  <mergeCells count="1">
    <mergeCell ref="A1:N1"/>
  </mergeCells>
  <phoneticPr fontId="5"/>
  <dataValidations count="1">
    <dataValidation type="list" allowBlank="1" showInputMessage="1" showErrorMessage="1" sqref="K3:K4">
      <formula1>"有料,無料,その他"</formula1>
    </dataValidation>
  </dataValidations>
  <hyperlinks>
    <hyperlink ref="N3" r:id="rId1"/>
    <hyperlink ref="N4" r:id="rId2"/>
  </hyperlinks>
  <pageMargins left="0.7" right="0.7" top="0.75" bottom="0.75" header="0.3" footer="0.3"/>
  <pageSetup paperSize="9" orientation="portrait"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dimension ref="A1:N4"/>
  <sheetViews>
    <sheetView zoomScaleNormal="100" workbookViewId="0">
      <pane ySplit="2" topLeftCell="A3" activePane="bottomLeft" state="frozen"/>
      <selection pane="bottomLeft" activeCell="A2" sqref="A2:N2"/>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72.599999999999994" thickTop="1" x14ac:dyDescent="0.2">
      <c r="A3" s="40" t="s">
        <v>168</v>
      </c>
      <c r="B3" s="37" t="s">
        <v>72</v>
      </c>
      <c r="C3" s="10" t="s">
        <v>14</v>
      </c>
      <c r="D3" s="37" t="s">
        <v>169</v>
      </c>
      <c r="E3" s="16">
        <v>45920</v>
      </c>
      <c r="F3" s="16">
        <v>45983</v>
      </c>
      <c r="G3" s="37" t="s">
        <v>170</v>
      </c>
      <c r="H3" s="9" t="s">
        <v>171</v>
      </c>
      <c r="I3" s="37" t="s">
        <v>172</v>
      </c>
      <c r="J3" s="9" t="s">
        <v>173</v>
      </c>
      <c r="K3" s="9" t="s">
        <v>18</v>
      </c>
      <c r="L3" s="21" t="s">
        <v>19</v>
      </c>
      <c r="M3" s="37" t="s">
        <v>172</v>
      </c>
      <c r="N3" s="48" t="s">
        <v>174</v>
      </c>
    </row>
    <row r="4" spans="1:14" ht="60" x14ac:dyDescent="0.2">
      <c r="A4" s="40" t="s">
        <v>168</v>
      </c>
      <c r="B4" s="9" t="s">
        <v>532</v>
      </c>
      <c r="C4" s="6" t="s">
        <v>14</v>
      </c>
      <c r="D4" s="9" t="s">
        <v>533</v>
      </c>
      <c r="E4" s="16">
        <v>45955</v>
      </c>
      <c r="F4" s="16">
        <v>45955</v>
      </c>
      <c r="G4" s="9" t="s">
        <v>534</v>
      </c>
      <c r="H4" s="9" t="s">
        <v>535</v>
      </c>
      <c r="I4" s="9" t="s">
        <v>534</v>
      </c>
      <c r="J4" s="9" t="s">
        <v>536</v>
      </c>
      <c r="K4" s="9" t="s">
        <v>18</v>
      </c>
      <c r="L4" s="21" t="s">
        <v>41</v>
      </c>
      <c r="M4" s="9" t="s">
        <v>537</v>
      </c>
      <c r="N4" s="3" t="s">
        <v>538</v>
      </c>
    </row>
  </sheetData>
  <mergeCells count="1">
    <mergeCell ref="A1:N1"/>
  </mergeCells>
  <phoneticPr fontId="5"/>
  <dataValidations count="1">
    <dataValidation type="list" allowBlank="1" showInputMessage="1" showErrorMessage="1" sqref="K3:K4">
      <formula1>"有料,無料,その他"</formula1>
    </dataValidation>
  </dataValidations>
  <hyperlinks>
    <hyperlink ref="N3" r:id="rId1"/>
    <hyperlink ref="N4" r:id="rId2"/>
  </hyperlinks>
  <pageMargins left="0.7" right="0.7" top="0.75" bottom="0.75" header="0.3" footer="0.3"/>
  <pageSetup paperSize="9" orientation="portrait" r:id="rId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dimension ref="A1:N10"/>
  <sheetViews>
    <sheetView zoomScaleNormal="100" workbookViewId="0">
      <pane ySplit="2" topLeftCell="A6" activePane="bottomLeft" state="frozen"/>
      <selection pane="bottomLeft" activeCell="A3" sqref="A3:A10"/>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108.6" thickTop="1" x14ac:dyDescent="0.2">
      <c r="A3" s="40" t="s">
        <v>56</v>
      </c>
      <c r="B3" s="9" t="s">
        <v>57</v>
      </c>
      <c r="C3" s="6" t="s">
        <v>14</v>
      </c>
      <c r="D3" s="9" t="s">
        <v>58</v>
      </c>
      <c r="E3" s="16">
        <v>45925</v>
      </c>
      <c r="F3" s="16">
        <v>45925</v>
      </c>
      <c r="G3" s="9" t="s">
        <v>59</v>
      </c>
      <c r="H3" s="9" t="s">
        <v>60</v>
      </c>
      <c r="I3" s="9" t="s">
        <v>59</v>
      </c>
      <c r="J3" s="9" t="s">
        <v>61</v>
      </c>
      <c r="K3" s="9" t="s">
        <v>18</v>
      </c>
      <c r="L3" s="21" t="s">
        <v>19</v>
      </c>
      <c r="M3" s="9" t="s">
        <v>59</v>
      </c>
      <c r="N3" s="3" t="s">
        <v>62</v>
      </c>
    </row>
    <row r="4" spans="1:14" ht="60" x14ac:dyDescent="0.2">
      <c r="A4" s="51" t="s">
        <v>677</v>
      </c>
      <c r="B4" s="51" t="s">
        <v>52</v>
      </c>
      <c r="C4" s="6" t="s">
        <v>14</v>
      </c>
      <c r="D4" s="5" t="s">
        <v>678</v>
      </c>
      <c r="E4" s="53">
        <v>45927</v>
      </c>
      <c r="F4" s="53">
        <v>45927</v>
      </c>
      <c r="G4" s="5" t="s">
        <v>679</v>
      </c>
      <c r="H4" s="5" t="s">
        <v>680</v>
      </c>
      <c r="I4" s="9" t="s">
        <v>679</v>
      </c>
      <c r="J4" s="5" t="s">
        <v>681</v>
      </c>
      <c r="K4" s="5" t="s">
        <v>18</v>
      </c>
      <c r="L4" s="8" t="s">
        <v>19</v>
      </c>
      <c r="M4" s="5" t="s">
        <v>679</v>
      </c>
      <c r="N4" s="3" t="s">
        <v>682</v>
      </c>
    </row>
    <row r="5" spans="1:14" ht="108" x14ac:dyDescent="0.2">
      <c r="A5" s="40" t="s">
        <v>56</v>
      </c>
      <c r="B5" s="9" t="s">
        <v>63</v>
      </c>
      <c r="C5" s="10" t="s">
        <v>14</v>
      </c>
      <c r="D5" s="9" t="s">
        <v>64</v>
      </c>
      <c r="E5" s="16">
        <v>45948</v>
      </c>
      <c r="F5" s="16">
        <v>45948</v>
      </c>
      <c r="G5" s="9" t="s">
        <v>59</v>
      </c>
      <c r="H5" s="9" t="s">
        <v>60</v>
      </c>
      <c r="I5" s="9" t="s">
        <v>59</v>
      </c>
      <c r="J5" s="9" t="s">
        <v>65</v>
      </c>
      <c r="K5" s="9" t="s">
        <v>18</v>
      </c>
      <c r="L5" s="21" t="s">
        <v>19</v>
      </c>
      <c r="M5" s="9" t="s">
        <v>59</v>
      </c>
      <c r="N5" s="12" t="s">
        <v>66</v>
      </c>
    </row>
    <row r="6" spans="1:14" ht="60" x14ac:dyDescent="0.2">
      <c r="A6" s="51" t="s">
        <v>56</v>
      </c>
      <c r="B6" s="5" t="s">
        <v>683</v>
      </c>
      <c r="C6" s="10" t="s">
        <v>14</v>
      </c>
      <c r="D6" s="5" t="s">
        <v>684</v>
      </c>
      <c r="E6" s="53">
        <v>45948</v>
      </c>
      <c r="F6" s="53">
        <v>45949</v>
      </c>
      <c r="G6" s="5" t="s">
        <v>679</v>
      </c>
      <c r="H6" s="5" t="s">
        <v>680</v>
      </c>
      <c r="I6" s="5" t="s">
        <v>679</v>
      </c>
      <c r="J6" s="5" t="s">
        <v>47</v>
      </c>
      <c r="K6" s="5" t="s">
        <v>18</v>
      </c>
      <c r="L6" s="8" t="s">
        <v>41</v>
      </c>
      <c r="M6" s="5" t="s">
        <v>679</v>
      </c>
      <c r="N6" s="12" t="s">
        <v>676</v>
      </c>
    </row>
    <row r="7" spans="1:14" ht="52.8" x14ac:dyDescent="0.2">
      <c r="A7" s="40" t="s">
        <v>56</v>
      </c>
      <c r="B7" s="20" t="s">
        <v>392</v>
      </c>
      <c r="C7" s="6" t="s">
        <v>14</v>
      </c>
      <c r="D7" s="9" t="s">
        <v>393</v>
      </c>
      <c r="E7" s="16">
        <v>45962</v>
      </c>
      <c r="F7" s="16">
        <v>45962</v>
      </c>
      <c r="G7" s="49" t="s">
        <v>395</v>
      </c>
      <c r="H7" s="20" t="s">
        <v>394</v>
      </c>
      <c r="I7" s="40" t="s">
        <v>670</v>
      </c>
      <c r="J7" s="20" t="s">
        <v>47</v>
      </c>
      <c r="K7" s="20" t="s">
        <v>18</v>
      </c>
      <c r="L7" s="21" t="s">
        <v>41</v>
      </c>
      <c r="M7" s="20" t="s">
        <v>396</v>
      </c>
      <c r="N7" s="12"/>
    </row>
    <row r="8" spans="1:14" ht="108" x14ac:dyDescent="0.2">
      <c r="A8" s="40" t="s">
        <v>56</v>
      </c>
      <c r="B8" s="9" t="s">
        <v>67</v>
      </c>
      <c r="C8" s="6" t="s">
        <v>14</v>
      </c>
      <c r="D8" s="9" t="s">
        <v>68</v>
      </c>
      <c r="E8" s="16">
        <v>45967</v>
      </c>
      <c r="F8" s="16">
        <v>45967</v>
      </c>
      <c r="G8" s="9" t="s">
        <v>59</v>
      </c>
      <c r="H8" s="9" t="s">
        <v>60</v>
      </c>
      <c r="I8" s="9" t="s">
        <v>59</v>
      </c>
      <c r="J8" s="9" t="s">
        <v>69</v>
      </c>
      <c r="K8" s="9" t="s">
        <v>18</v>
      </c>
      <c r="L8" s="21" t="s">
        <v>19</v>
      </c>
      <c r="M8" s="9" t="s">
        <v>59</v>
      </c>
      <c r="N8" s="3" t="s">
        <v>62</v>
      </c>
    </row>
    <row r="9" spans="1:14" ht="108" x14ac:dyDescent="0.2">
      <c r="A9" s="40" t="s">
        <v>56</v>
      </c>
      <c r="B9" s="9" t="s">
        <v>70</v>
      </c>
      <c r="C9" s="6" t="s">
        <v>14</v>
      </c>
      <c r="D9" s="9" t="s">
        <v>68</v>
      </c>
      <c r="E9" s="16">
        <v>45974</v>
      </c>
      <c r="F9" s="16">
        <v>45974</v>
      </c>
      <c r="G9" s="9" t="s">
        <v>59</v>
      </c>
      <c r="H9" s="57" t="s">
        <v>60</v>
      </c>
      <c r="I9" s="9" t="s">
        <v>59</v>
      </c>
      <c r="J9" s="9" t="s">
        <v>69</v>
      </c>
      <c r="K9" s="9" t="s">
        <v>18</v>
      </c>
      <c r="L9" s="21" t="s">
        <v>19</v>
      </c>
      <c r="M9" s="9" t="s">
        <v>59</v>
      </c>
      <c r="N9" s="3" t="s">
        <v>62</v>
      </c>
    </row>
    <row r="10" spans="1:14" ht="60" x14ac:dyDescent="0.2">
      <c r="A10" s="51" t="s">
        <v>56</v>
      </c>
      <c r="B10" s="5" t="s">
        <v>291</v>
      </c>
      <c r="C10" s="6" t="s">
        <v>14</v>
      </c>
      <c r="D10" s="5" t="s">
        <v>678</v>
      </c>
      <c r="E10" s="53">
        <v>45976</v>
      </c>
      <c r="F10" s="53">
        <v>45976</v>
      </c>
      <c r="G10" s="5" t="s">
        <v>679</v>
      </c>
      <c r="H10" s="52" t="s">
        <v>680</v>
      </c>
      <c r="I10" s="5" t="s">
        <v>679</v>
      </c>
      <c r="J10" s="5" t="s">
        <v>681</v>
      </c>
      <c r="K10" s="5" t="s">
        <v>18</v>
      </c>
      <c r="L10" s="8" t="s">
        <v>19</v>
      </c>
      <c r="M10" s="5" t="s">
        <v>679</v>
      </c>
      <c r="N10" s="3" t="s">
        <v>676</v>
      </c>
    </row>
  </sheetData>
  <mergeCells count="1">
    <mergeCell ref="A1:N1"/>
  </mergeCells>
  <phoneticPr fontId="5"/>
  <dataValidations count="1">
    <dataValidation type="list" allowBlank="1" showInputMessage="1" showErrorMessage="1" sqref="K3:K10">
      <formula1>"有料,無料,その他"</formula1>
    </dataValidation>
  </dataValidations>
  <hyperlinks>
    <hyperlink ref="N4" r:id="rId1"/>
    <hyperlink ref="N3" r:id="rId2"/>
  </hyperlinks>
  <pageMargins left="0.7" right="0.7" top="0.75" bottom="0.75" header="0.3" footer="0.3"/>
  <pageSetup paperSize="9" orientation="portrait" r:id="rId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N7"/>
  <sheetViews>
    <sheetView zoomScaleNormal="100" workbookViewId="0">
      <pane ySplit="2" topLeftCell="A3" activePane="bottomLeft" state="frozen"/>
      <selection pane="bottomLeft" activeCell="A3" sqref="A3:A7"/>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66.599999999999994" thickTop="1" x14ac:dyDescent="0.2">
      <c r="A3" s="40" t="s">
        <v>147</v>
      </c>
      <c r="B3" s="9" t="s">
        <v>148</v>
      </c>
      <c r="C3" s="6" t="s">
        <v>14</v>
      </c>
      <c r="D3" s="9" t="s">
        <v>149</v>
      </c>
      <c r="E3" s="16">
        <v>45968</v>
      </c>
      <c r="F3" s="16">
        <v>45968</v>
      </c>
      <c r="G3" s="9" t="s">
        <v>605</v>
      </c>
      <c r="H3" s="9" t="s">
        <v>150</v>
      </c>
      <c r="I3" s="9" t="s">
        <v>140</v>
      </c>
      <c r="J3" s="9" t="s">
        <v>151</v>
      </c>
      <c r="K3" s="9" t="s">
        <v>18</v>
      </c>
      <c r="L3" s="21" t="s">
        <v>19</v>
      </c>
      <c r="M3" s="9" t="s">
        <v>140</v>
      </c>
      <c r="N3" s="3"/>
    </row>
    <row r="4" spans="1:14" ht="66" x14ac:dyDescent="0.2">
      <c r="A4" s="40" t="s">
        <v>147</v>
      </c>
      <c r="B4" s="9" t="s">
        <v>152</v>
      </c>
      <c r="C4" s="6" t="s">
        <v>14</v>
      </c>
      <c r="D4" s="9" t="s">
        <v>149</v>
      </c>
      <c r="E4" s="16">
        <v>45971</v>
      </c>
      <c r="F4" s="16">
        <v>45971</v>
      </c>
      <c r="G4" s="9" t="s">
        <v>605</v>
      </c>
      <c r="H4" s="9" t="s">
        <v>150</v>
      </c>
      <c r="I4" s="9" t="s">
        <v>140</v>
      </c>
      <c r="J4" s="9" t="s">
        <v>151</v>
      </c>
      <c r="K4" s="9" t="s">
        <v>18</v>
      </c>
      <c r="L4" s="21" t="s">
        <v>19</v>
      </c>
      <c r="M4" s="9" t="s">
        <v>140</v>
      </c>
      <c r="N4" s="3"/>
    </row>
    <row r="5" spans="1:14" ht="66" x14ac:dyDescent="0.2">
      <c r="A5" s="40" t="s">
        <v>147</v>
      </c>
      <c r="B5" s="9" t="s">
        <v>153</v>
      </c>
      <c r="C5" s="6" t="s">
        <v>14</v>
      </c>
      <c r="D5" s="9" t="s">
        <v>149</v>
      </c>
      <c r="E5" s="16">
        <v>45972</v>
      </c>
      <c r="F5" s="16">
        <v>45972</v>
      </c>
      <c r="G5" s="9" t="s">
        <v>605</v>
      </c>
      <c r="H5" s="9" t="s">
        <v>150</v>
      </c>
      <c r="I5" s="9" t="s">
        <v>140</v>
      </c>
      <c r="J5" s="9" t="s">
        <v>151</v>
      </c>
      <c r="K5" s="9" t="s">
        <v>18</v>
      </c>
      <c r="L5" s="21" t="s">
        <v>19</v>
      </c>
      <c r="M5" s="9" t="s">
        <v>140</v>
      </c>
      <c r="N5" s="3"/>
    </row>
    <row r="6" spans="1:14" ht="66" x14ac:dyDescent="0.2">
      <c r="A6" s="40" t="s">
        <v>147</v>
      </c>
      <c r="B6" s="9" t="s">
        <v>155</v>
      </c>
      <c r="C6" s="6" t="s">
        <v>14</v>
      </c>
      <c r="D6" s="9" t="s">
        <v>149</v>
      </c>
      <c r="E6" s="16">
        <v>45975</v>
      </c>
      <c r="F6" s="16">
        <v>45975</v>
      </c>
      <c r="G6" s="9" t="s">
        <v>605</v>
      </c>
      <c r="H6" s="9" t="s">
        <v>150</v>
      </c>
      <c r="I6" s="9" t="s">
        <v>140</v>
      </c>
      <c r="J6" s="9" t="s">
        <v>151</v>
      </c>
      <c r="K6" s="9" t="s">
        <v>18</v>
      </c>
      <c r="L6" s="21" t="s">
        <v>19</v>
      </c>
      <c r="M6" s="9" t="s">
        <v>140</v>
      </c>
      <c r="N6" s="3"/>
    </row>
    <row r="7" spans="1:14" ht="66" x14ac:dyDescent="0.2">
      <c r="A7" s="40" t="s">
        <v>147</v>
      </c>
      <c r="B7" s="9" t="s">
        <v>156</v>
      </c>
      <c r="C7" s="6" t="s">
        <v>14</v>
      </c>
      <c r="D7" s="9" t="s">
        <v>157</v>
      </c>
      <c r="E7" s="16">
        <v>45978</v>
      </c>
      <c r="F7" s="16">
        <v>45978</v>
      </c>
      <c r="G7" s="9" t="s">
        <v>606</v>
      </c>
      <c r="H7" s="9" t="s">
        <v>158</v>
      </c>
      <c r="I7" s="9" t="s">
        <v>140</v>
      </c>
      <c r="J7" s="9" t="s">
        <v>159</v>
      </c>
      <c r="K7" s="9" t="s">
        <v>18</v>
      </c>
      <c r="L7" s="21" t="s">
        <v>19</v>
      </c>
      <c r="M7" s="9" t="s">
        <v>140</v>
      </c>
      <c r="N7" s="3"/>
    </row>
  </sheetData>
  <mergeCells count="1">
    <mergeCell ref="A1:N1"/>
  </mergeCells>
  <phoneticPr fontId="5"/>
  <dataValidations count="1">
    <dataValidation type="list" allowBlank="1" showInputMessage="1" showErrorMessage="1" sqref="K3:K7">
      <formula1>"有料,無料,その他"</formula1>
    </dataValidation>
  </dataValidations>
  <pageMargins left="0.7" right="0.7" top="0.75" bottom="0.75" header="0.3" footer="0.3"/>
  <pageSetup paperSize="9"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N3"/>
  <sheetViews>
    <sheetView zoomScaleNormal="100" workbookViewId="0">
      <pane ySplit="2" topLeftCell="A3" activePane="bottomLeft" state="frozen"/>
      <selection pane="bottomLeft" activeCell="B3" sqref="B3"/>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86.4" customHeight="1" thickTop="1" x14ac:dyDescent="0.2">
      <c r="A3" s="60" t="s">
        <v>569</v>
      </c>
      <c r="B3" s="10" t="s">
        <v>712</v>
      </c>
      <c r="C3" s="6" t="s">
        <v>14</v>
      </c>
      <c r="D3" s="10" t="s">
        <v>641</v>
      </c>
      <c r="E3" s="38">
        <v>45962</v>
      </c>
      <c r="F3" s="38">
        <v>45962</v>
      </c>
      <c r="G3" s="10" t="s">
        <v>672</v>
      </c>
      <c r="H3" s="10" t="s">
        <v>642</v>
      </c>
      <c r="I3" s="10" t="s">
        <v>671</v>
      </c>
      <c r="J3" s="10" t="s">
        <v>644</v>
      </c>
      <c r="K3" s="10" t="s">
        <v>18</v>
      </c>
      <c r="L3" s="21" t="s">
        <v>19</v>
      </c>
      <c r="M3" s="10" t="s">
        <v>643</v>
      </c>
      <c r="N3" s="1"/>
    </row>
  </sheetData>
  <mergeCells count="1">
    <mergeCell ref="A1:N1"/>
  </mergeCells>
  <phoneticPr fontId="5"/>
  <dataValidations count="1">
    <dataValidation type="list" allowBlank="1" showInputMessage="1" showErrorMessage="1" sqref="K3">
      <formula1>"有料,無料,その他"</formula1>
    </dataValidation>
  </dataValidations>
  <pageMargins left="0.7" right="0.7" top="0.75" bottom="0.75" header="0.3" footer="0.3"/>
  <pageSetup paperSize="9"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4"/>
  <sheetViews>
    <sheetView zoomScaleNormal="100" workbookViewId="0">
      <pane ySplit="2" topLeftCell="A3" activePane="bottomLeft" state="frozen"/>
      <selection pane="bottomLeft" activeCell="A3" sqref="A3:N4"/>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886718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91.8" customHeight="1" thickTop="1" x14ac:dyDescent="0.2">
      <c r="A3" s="60" t="s">
        <v>705</v>
      </c>
      <c r="B3" s="10" t="s">
        <v>706</v>
      </c>
      <c r="C3" s="6" t="s">
        <v>14</v>
      </c>
      <c r="D3" s="10" t="s">
        <v>711</v>
      </c>
      <c r="E3" s="38">
        <v>45934</v>
      </c>
      <c r="F3" s="38">
        <v>45934</v>
      </c>
      <c r="G3" s="10" t="s">
        <v>707</v>
      </c>
      <c r="H3" s="10" t="s">
        <v>708</v>
      </c>
      <c r="I3" s="10" t="s">
        <v>707</v>
      </c>
      <c r="J3" s="10" t="s">
        <v>709</v>
      </c>
      <c r="K3" s="21" t="s">
        <v>18</v>
      </c>
      <c r="L3" s="10" t="s">
        <v>41</v>
      </c>
      <c r="M3" s="68" t="s">
        <v>707</v>
      </c>
      <c r="N3" s="69" t="s">
        <v>710</v>
      </c>
    </row>
    <row r="4" spans="1:14" ht="91.8" customHeight="1" x14ac:dyDescent="0.2">
      <c r="A4" s="60" t="s">
        <v>705</v>
      </c>
      <c r="B4" s="10" t="s">
        <v>706</v>
      </c>
      <c r="C4" s="6" t="s">
        <v>14</v>
      </c>
      <c r="D4" s="10" t="s">
        <v>711</v>
      </c>
      <c r="E4" s="38">
        <v>45976</v>
      </c>
      <c r="F4" s="38">
        <v>45976</v>
      </c>
      <c r="G4" s="10" t="s">
        <v>707</v>
      </c>
      <c r="H4" s="10" t="s">
        <v>708</v>
      </c>
      <c r="I4" s="10" t="s">
        <v>707</v>
      </c>
      <c r="J4" s="10" t="s">
        <v>709</v>
      </c>
      <c r="K4" s="21" t="s">
        <v>18</v>
      </c>
      <c r="L4" s="10" t="s">
        <v>41</v>
      </c>
      <c r="M4" s="68" t="s">
        <v>707</v>
      </c>
      <c r="N4" s="70" t="s">
        <v>710</v>
      </c>
    </row>
  </sheetData>
  <mergeCells count="1">
    <mergeCell ref="A1:N1"/>
  </mergeCells>
  <phoneticPr fontId="5"/>
  <dataValidations count="1">
    <dataValidation type="list" allowBlank="1" showInputMessage="1" showErrorMessage="1" sqref="J3:J4">
      <formula1>"有料,無料,その他"</formula1>
    </dataValidation>
  </dataValidations>
  <hyperlinks>
    <hyperlink ref="N3" r:id="rId1"/>
    <hyperlink ref="N4" r:id="rId2"/>
  </hyperlinks>
  <pageMargins left="0.7" right="0.7" top="0.75" bottom="0.75" header="0.3" footer="0.3"/>
  <pageSetup paperSize="9" orientation="portrait" r:id="rId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dimension ref="A1:N6"/>
  <sheetViews>
    <sheetView zoomScaleNormal="100" workbookViewId="0">
      <pane ySplit="2" topLeftCell="A3" activePane="bottomLeft" state="frozen"/>
      <selection pane="bottomLeft" activeCell="A2" sqref="A2:N2"/>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84.6" thickTop="1" x14ac:dyDescent="0.2">
      <c r="A3" s="40" t="s">
        <v>175</v>
      </c>
      <c r="B3" s="9" t="s">
        <v>176</v>
      </c>
      <c r="C3" s="6" t="s">
        <v>14</v>
      </c>
      <c r="D3" s="9" t="s">
        <v>177</v>
      </c>
      <c r="E3" s="16">
        <v>45927</v>
      </c>
      <c r="F3" s="16">
        <v>45927</v>
      </c>
      <c r="G3" s="9" t="s">
        <v>608</v>
      </c>
      <c r="H3" s="9" t="s">
        <v>178</v>
      </c>
      <c r="I3" s="9" t="s">
        <v>607</v>
      </c>
      <c r="J3" s="9" t="s">
        <v>47</v>
      </c>
      <c r="K3" s="9" t="s">
        <v>18</v>
      </c>
      <c r="L3" s="21" t="s">
        <v>19</v>
      </c>
      <c r="M3" s="9" t="s">
        <v>609</v>
      </c>
      <c r="N3" s="3" t="s">
        <v>179</v>
      </c>
    </row>
    <row r="4" spans="1:14" ht="66" x14ac:dyDescent="0.2">
      <c r="A4" s="58" t="s">
        <v>175</v>
      </c>
      <c r="B4" s="22" t="s">
        <v>185</v>
      </c>
      <c r="C4" s="19" t="s">
        <v>14</v>
      </c>
      <c r="D4" s="22" t="s">
        <v>186</v>
      </c>
      <c r="E4" s="47" t="s">
        <v>187</v>
      </c>
      <c r="F4" s="47" t="s">
        <v>187</v>
      </c>
      <c r="G4" s="22" t="s">
        <v>188</v>
      </c>
      <c r="H4" s="22" t="s">
        <v>189</v>
      </c>
      <c r="I4" s="22" t="s">
        <v>190</v>
      </c>
      <c r="J4" s="22" t="s">
        <v>191</v>
      </c>
      <c r="K4" s="22" t="s">
        <v>18</v>
      </c>
      <c r="L4" s="24" t="s">
        <v>19</v>
      </c>
      <c r="M4" s="22" t="s">
        <v>190</v>
      </c>
      <c r="N4" s="3"/>
    </row>
    <row r="5" spans="1:14" ht="84" x14ac:dyDescent="0.2">
      <c r="A5" s="40" t="s">
        <v>175</v>
      </c>
      <c r="B5" s="9" t="s">
        <v>180</v>
      </c>
      <c r="C5" s="6" t="s">
        <v>14</v>
      </c>
      <c r="D5" s="9" t="s">
        <v>181</v>
      </c>
      <c r="E5" s="16">
        <v>45969</v>
      </c>
      <c r="F5" s="16">
        <v>45969</v>
      </c>
      <c r="G5" s="9" t="s">
        <v>608</v>
      </c>
      <c r="H5" s="9" t="s">
        <v>178</v>
      </c>
      <c r="I5" s="9" t="s">
        <v>607</v>
      </c>
      <c r="J5" s="9" t="s">
        <v>182</v>
      </c>
      <c r="K5" s="9" t="s">
        <v>18</v>
      </c>
      <c r="L5" s="21" t="s">
        <v>19</v>
      </c>
      <c r="M5" s="9" t="s">
        <v>610</v>
      </c>
      <c r="N5" s="3" t="s">
        <v>179</v>
      </c>
    </row>
    <row r="6" spans="1:14" ht="84" x14ac:dyDescent="0.2">
      <c r="A6" s="40" t="s">
        <v>175</v>
      </c>
      <c r="B6" s="9" t="s">
        <v>183</v>
      </c>
      <c r="C6" s="6" t="s">
        <v>14</v>
      </c>
      <c r="D6" s="9" t="s">
        <v>184</v>
      </c>
      <c r="E6" s="16">
        <v>45969</v>
      </c>
      <c r="F6" s="16">
        <v>45969</v>
      </c>
      <c r="G6" s="9" t="s">
        <v>608</v>
      </c>
      <c r="H6" s="9" t="s">
        <v>178</v>
      </c>
      <c r="I6" s="9" t="s">
        <v>607</v>
      </c>
      <c r="J6" s="9" t="s">
        <v>182</v>
      </c>
      <c r="K6" s="9" t="s">
        <v>18</v>
      </c>
      <c r="L6" s="21" t="s">
        <v>19</v>
      </c>
      <c r="M6" s="9" t="s">
        <v>610</v>
      </c>
      <c r="N6" s="3" t="s">
        <v>179</v>
      </c>
    </row>
  </sheetData>
  <mergeCells count="1">
    <mergeCell ref="A1:N1"/>
  </mergeCells>
  <phoneticPr fontId="5"/>
  <dataValidations count="1">
    <dataValidation type="list" allowBlank="1" showInputMessage="1" showErrorMessage="1" sqref="K3:K6">
      <formula1>"有料,無料,その他"</formula1>
    </dataValidation>
  </dataValidations>
  <hyperlinks>
    <hyperlink ref="N6" r:id="rId1"/>
    <hyperlink ref="N5" r:id="rId2"/>
    <hyperlink ref="N3" r:id="rId3"/>
  </hyperlinks>
  <pageMargins left="0.7" right="0.7" top="0.75" bottom="0.75" header="0.3" footer="0.3"/>
  <pageSetup paperSize="9" orientation="portrait" r:id="rId4"/>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dimension ref="A1:N5"/>
  <sheetViews>
    <sheetView zoomScaleNormal="100" workbookViewId="0">
      <pane ySplit="2" topLeftCell="A3" activePane="bottomLeft" state="frozen"/>
      <selection pane="bottomLeft" activeCell="N3" sqref="N3"/>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60.6" thickTop="1" x14ac:dyDescent="0.2">
      <c r="A3" s="40" t="s">
        <v>42</v>
      </c>
      <c r="B3" s="9" t="s">
        <v>43</v>
      </c>
      <c r="C3" s="6" t="s">
        <v>14</v>
      </c>
      <c r="D3" s="22" t="s">
        <v>44</v>
      </c>
      <c r="E3" s="16">
        <v>45927</v>
      </c>
      <c r="F3" s="16">
        <v>45927</v>
      </c>
      <c r="G3" s="9" t="s">
        <v>45</v>
      </c>
      <c r="H3" s="9" t="s">
        <v>46</v>
      </c>
      <c r="I3" s="9" t="s">
        <v>45</v>
      </c>
      <c r="J3" s="9" t="s">
        <v>47</v>
      </c>
      <c r="K3" s="40" t="s">
        <v>18</v>
      </c>
      <c r="L3" s="21" t="s">
        <v>19</v>
      </c>
      <c r="M3" s="9" t="s">
        <v>45</v>
      </c>
      <c r="N3" s="3" t="s">
        <v>48</v>
      </c>
    </row>
    <row r="4" spans="1:14" ht="60" x14ac:dyDescent="0.2">
      <c r="A4" s="40" t="s">
        <v>42</v>
      </c>
      <c r="B4" s="9" t="s">
        <v>49</v>
      </c>
      <c r="C4" s="6" t="s">
        <v>14</v>
      </c>
      <c r="D4" s="9" t="s">
        <v>50</v>
      </c>
      <c r="E4" s="16">
        <v>45941</v>
      </c>
      <c r="F4" s="16">
        <v>45941</v>
      </c>
      <c r="G4" s="9" t="s">
        <v>45</v>
      </c>
      <c r="H4" s="9" t="s">
        <v>46</v>
      </c>
      <c r="I4" s="9" t="s">
        <v>45</v>
      </c>
      <c r="J4" s="9" t="s">
        <v>51</v>
      </c>
      <c r="K4" s="40" t="s">
        <v>18</v>
      </c>
      <c r="L4" s="21" t="s">
        <v>19</v>
      </c>
      <c r="M4" s="9" t="s">
        <v>45</v>
      </c>
      <c r="N4" s="3" t="s">
        <v>48</v>
      </c>
    </row>
    <row r="5" spans="1:14" ht="60" x14ac:dyDescent="0.2">
      <c r="A5" s="40" t="s">
        <v>42</v>
      </c>
      <c r="B5" s="9" t="s">
        <v>52</v>
      </c>
      <c r="C5" s="6" t="s">
        <v>14</v>
      </c>
      <c r="D5" s="9" t="s">
        <v>53</v>
      </c>
      <c r="E5" s="16">
        <v>45955</v>
      </c>
      <c r="F5" s="16">
        <v>45955</v>
      </c>
      <c r="G5" s="9" t="s">
        <v>45</v>
      </c>
      <c r="H5" s="9" t="s">
        <v>46</v>
      </c>
      <c r="I5" s="9" t="s">
        <v>45</v>
      </c>
      <c r="J5" s="9" t="s">
        <v>54</v>
      </c>
      <c r="K5" s="40" t="s">
        <v>18</v>
      </c>
      <c r="L5" s="21" t="s">
        <v>19</v>
      </c>
      <c r="M5" s="9" t="s">
        <v>45</v>
      </c>
      <c r="N5" s="3" t="s">
        <v>55</v>
      </c>
    </row>
  </sheetData>
  <mergeCells count="1">
    <mergeCell ref="A1:N1"/>
  </mergeCells>
  <phoneticPr fontId="5"/>
  <dataValidations count="1">
    <dataValidation type="list" allowBlank="1" showInputMessage="1" showErrorMessage="1" sqref="K3:K5">
      <formula1>"有料,無料,その他"</formula1>
    </dataValidation>
  </dataValidations>
  <hyperlinks>
    <hyperlink ref="N4" r:id="rId1"/>
    <hyperlink ref="N3" r:id="rId2"/>
  </hyperlinks>
  <pageMargins left="0.7" right="0.7" top="0.75" bottom="0.75" header="0.3" footer="0.3"/>
  <pageSetup paperSize="9" orientation="portrait" r:id="rId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dimension ref="A1:N3"/>
  <sheetViews>
    <sheetView zoomScaleNormal="100" workbookViewId="0">
      <pane ySplit="2" topLeftCell="A3" activePane="bottomLeft" state="frozen"/>
      <selection pane="bottomLeft" activeCell="A7" sqref="A7"/>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53.4" thickTop="1" x14ac:dyDescent="0.2">
      <c r="A3" s="40" t="s">
        <v>407</v>
      </c>
      <c r="B3" s="9" t="s">
        <v>408</v>
      </c>
      <c r="C3" s="6" t="s">
        <v>14</v>
      </c>
      <c r="D3" s="9" t="s">
        <v>409</v>
      </c>
      <c r="E3" s="16">
        <v>45962</v>
      </c>
      <c r="F3" s="16">
        <v>45962</v>
      </c>
      <c r="G3" s="9" t="s">
        <v>657</v>
      </c>
      <c r="H3" s="9" t="s">
        <v>411</v>
      </c>
      <c r="I3" s="9" t="s">
        <v>657</v>
      </c>
      <c r="J3" s="9" t="s">
        <v>412</v>
      </c>
      <c r="K3" s="9" t="s">
        <v>18</v>
      </c>
      <c r="L3" s="21" t="s">
        <v>19</v>
      </c>
      <c r="M3" s="9" t="s">
        <v>410</v>
      </c>
      <c r="N3" s="3"/>
    </row>
  </sheetData>
  <mergeCells count="1">
    <mergeCell ref="A1:N1"/>
  </mergeCells>
  <phoneticPr fontId="5"/>
  <dataValidations count="1">
    <dataValidation type="list" allowBlank="1" showInputMessage="1" showErrorMessage="1" sqref="K3">
      <formula1>"有料,無料,その他"</formula1>
    </dataValidation>
  </dataValidations>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N39"/>
  <sheetViews>
    <sheetView zoomScaleNormal="100" workbookViewId="0">
      <pane ySplit="2" topLeftCell="A9" activePane="bottomLeft" state="frozen"/>
      <selection pane="bottomLeft" activeCell="A2" sqref="A2"/>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66.599999999999994" thickTop="1" x14ac:dyDescent="0.2">
      <c r="A3" s="40" t="s">
        <v>160</v>
      </c>
      <c r="B3" s="9" t="s">
        <v>161</v>
      </c>
      <c r="C3" s="6" t="s">
        <v>14</v>
      </c>
      <c r="D3" s="9" t="s">
        <v>162</v>
      </c>
      <c r="E3" s="16">
        <v>45920</v>
      </c>
      <c r="F3" s="16">
        <v>45921</v>
      </c>
      <c r="G3" s="9" t="s">
        <v>163</v>
      </c>
      <c r="H3" s="9" t="s">
        <v>164</v>
      </c>
      <c r="I3" s="9" t="s">
        <v>163</v>
      </c>
      <c r="J3" s="9" t="s">
        <v>47</v>
      </c>
      <c r="K3" s="9" t="s">
        <v>18</v>
      </c>
      <c r="L3" s="21" t="s">
        <v>41</v>
      </c>
      <c r="M3" s="9" t="s">
        <v>163</v>
      </c>
      <c r="N3" s="3"/>
    </row>
    <row r="4" spans="1:14" ht="108" x14ac:dyDescent="0.2">
      <c r="A4" s="40" t="s">
        <v>160</v>
      </c>
      <c r="B4" s="9" t="s">
        <v>574</v>
      </c>
      <c r="C4" s="6" t="s">
        <v>14</v>
      </c>
      <c r="D4" s="9" t="s">
        <v>225</v>
      </c>
      <c r="E4" s="16">
        <v>45941</v>
      </c>
      <c r="F4" s="16">
        <v>45941</v>
      </c>
      <c r="G4" s="9" t="s">
        <v>226</v>
      </c>
      <c r="H4" s="9" t="s">
        <v>227</v>
      </c>
      <c r="I4" s="9" t="s">
        <v>226</v>
      </c>
      <c r="J4" s="9" t="s">
        <v>228</v>
      </c>
      <c r="K4" s="9" t="s">
        <v>18</v>
      </c>
      <c r="L4" s="21" t="s">
        <v>19</v>
      </c>
      <c r="M4" s="9" t="s">
        <v>229</v>
      </c>
      <c r="N4" s="12" t="s">
        <v>625</v>
      </c>
    </row>
    <row r="5" spans="1:14" ht="120" x14ac:dyDescent="0.2">
      <c r="A5" s="40" t="s">
        <v>160</v>
      </c>
      <c r="B5" s="9" t="s">
        <v>165</v>
      </c>
      <c r="C5" s="6" t="s">
        <v>14</v>
      </c>
      <c r="D5" s="9" t="s">
        <v>573</v>
      </c>
      <c r="E5" s="16">
        <v>45948</v>
      </c>
      <c r="F5" s="16">
        <v>45948</v>
      </c>
      <c r="G5" s="9" t="s">
        <v>163</v>
      </c>
      <c r="H5" s="9" t="s">
        <v>164</v>
      </c>
      <c r="I5" s="9" t="s">
        <v>163</v>
      </c>
      <c r="J5" s="9" t="s">
        <v>166</v>
      </c>
      <c r="K5" s="9" t="s">
        <v>18</v>
      </c>
      <c r="L5" s="21" t="s">
        <v>19</v>
      </c>
      <c r="M5" s="9" t="s">
        <v>163</v>
      </c>
      <c r="N5" s="48" t="s">
        <v>167</v>
      </c>
    </row>
    <row r="6" spans="1:14" ht="108" x14ac:dyDescent="0.2">
      <c r="A6" s="40" t="s">
        <v>160</v>
      </c>
      <c r="B6" s="9" t="s">
        <v>231</v>
      </c>
      <c r="C6" s="6" t="s">
        <v>82</v>
      </c>
      <c r="D6" s="9" t="s">
        <v>232</v>
      </c>
      <c r="E6" s="16">
        <v>45955</v>
      </c>
      <c r="F6" s="16">
        <v>45956</v>
      </c>
      <c r="G6" s="9" t="s">
        <v>226</v>
      </c>
      <c r="H6" s="9" t="s">
        <v>227</v>
      </c>
      <c r="I6" s="9" t="s">
        <v>226</v>
      </c>
      <c r="J6" s="9" t="s">
        <v>47</v>
      </c>
      <c r="K6" s="9" t="s">
        <v>18</v>
      </c>
      <c r="L6" s="21" t="s">
        <v>41</v>
      </c>
      <c r="M6" s="9" t="s">
        <v>233</v>
      </c>
      <c r="N6" s="3" t="s">
        <v>230</v>
      </c>
    </row>
    <row r="7" spans="1:14" ht="79.2" x14ac:dyDescent="0.2">
      <c r="A7" s="40" t="s">
        <v>571</v>
      </c>
      <c r="B7" s="9" t="s">
        <v>343</v>
      </c>
      <c r="C7" s="6" t="s">
        <v>14</v>
      </c>
      <c r="D7" s="9" t="s">
        <v>575</v>
      </c>
      <c r="E7" s="16">
        <v>45969</v>
      </c>
      <c r="F7" s="16">
        <v>45970</v>
      </c>
      <c r="G7" s="9" t="s">
        <v>344</v>
      </c>
      <c r="H7" s="9" t="s">
        <v>227</v>
      </c>
      <c r="I7" s="9" t="s">
        <v>345</v>
      </c>
      <c r="J7" s="9" t="s">
        <v>47</v>
      </c>
      <c r="K7" s="9" t="s">
        <v>18</v>
      </c>
      <c r="L7" s="21" t="s">
        <v>41</v>
      </c>
      <c r="M7" s="9" t="s">
        <v>576</v>
      </c>
      <c r="N7" s="3"/>
    </row>
    <row r="8" spans="1:14" ht="39.6" x14ac:dyDescent="0.2">
      <c r="A8" s="58" t="s">
        <v>234</v>
      </c>
      <c r="B8" s="22" t="s">
        <v>243</v>
      </c>
      <c r="C8" s="26" t="s">
        <v>82</v>
      </c>
      <c r="D8" s="22" t="s">
        <v>244</v>
      </c>
      <c r="E8" s="39">
        <v>45919</v>
      </c>
      <c r="F8" s="39">
        <v>45920</v>
      </c>
      <c r="G8" s="22" t="s">
        <v>621</v>
      </c>
      <c r="H8" s="22" t="s">
        <v>245</v>
      </c>
      <c r="I8" s="22" t="s">
        <v>622</v>
      </c>
      <c r="J8" s="22" t="s">
        <v>246</v>
      </c>
      <c r="K8" s="22" t="s">
        <v>18</v>
      </c>
      <c r="L8" s="24" t="s">
        <v>41</v>
      </c>
      <c r="M8" s="22" t="s">
        <v>622</v>
      </c>
      <c r="N8" s="12"/>
    </row>
    <row r="9" spans="1:14" ht="60" x14ac:dyDescent="0.2">
      <c r="A9" s="40" t="s">
        <v>234</v>
      </c>
      <c r="B9" s="9" t="s">
        <v>235</v>
      </c>
      <c r="C9" s="10" t="s">
        <v>14</v>
      </c>
      <c r="D9" s="9" t="s">
        <v>236</v>
      </c>
      <c r="E9" s="16">
        <v>45941</v>
      </c>
      <c r="F9" s="16">
        <v>45941</v>
      </c>
      <c r="G9" s="9" t="s">
        <v>577</v>
      </c>
      <c r="H9" s="9" t="s">
        <v>237</v>
      </c>
      <c r="I9" s="9" t="s">
        <v>578</v>
      </c>
      <c r="J9" s="9" t="s">
        <v>47</v>
      </c>
      <c r="K9" s="9" t="s">
        <v>18</v>
      </c>
      <c r="L9" s="21" t="s">
        <v>19</v>
      </c>
      <c r="M9" s="9" t="s">
        <v>579</v>
      </c>
      <c r="N9" s="11" t="s">
        <v>238</v>
      </c>
    </row>
    <row r="10" spans="1:14" ht="39.6" x14ac:dyDescent="0.2">
      <c r="A10" s="58" t="s">
        <v>234</v>
      </c>
      <c r="B10" s="22" t="s">
        <v>247</v>
      </c>
      <c r="C10" s="19" t="s">
        <v>14</v>
      </c>
      <c r="D10" s="22" t="s">
        <v>248</v>
      </c>
      <c r="E10" s="39">
        <v>45948</v>
      </c>
      <c r="F10" s="39">
        <v>45948</v>
      </c>
      <c r="G10" s="22" t="s">
        <v>622</v>
      </c>
      <c r="H10" s="22" t="s">
        <v>245</v>
      </c>
      <c r="I10" s="22" t="s">
        <v>622</v>
      </c>
      <c r="J10" s="22" t="s">
        <v>249</v>
      </c>
      <c r="K10" s="22" t="s">
        <v>18</v>
      </c>
      <c r="L10" s="24" t="s">
        <v>19</v>
      </c>
      <c r="M10" s="22" t="s">
        <v>622</v>
      </c>
      <c r="N10" s="12"/>
    </row>
    <row r="11" spans="1:14" ht="52.8" x14ac:dyDescent="0.2">
      <c r="A11" s="58" t="s">
        <v>234</v>
      </c>
      <c r="B11" s="22" t="s">
        <v>250</v>
      </c>
      <c r="C11" s="19" t="s">
        <v>14</v>
      </c>
      <c r="D11" s="22" t="s">
        <v>251</v>
      </c>
      <c r="E11" s="39">
        <v>45948</v>
      </c>
      <c r="F11" s="39">
        <v>45948</v>
      </c>
      <c r="G11" s="22" t="s">
        <v>622</v>
      </c>
      <c r="H11" s="22" t="s">
        <v>245</v>
      </c>
      <c r="I11" s="22" t="s">
        <v>622</v>
      </c>
      <c r="J11" s="22" t="s">
        <v>249</v>
      </c>
      <c r="K11" s="22" t="s">
        <v>18</v>
      </c>
      <c r="L11" s="24" t="s">
        <v>19</v>
      </c>
      <c r="M11" s="22" t="s">
        <v>622</v>
      </c>
      <c r="N11" s="12"/>
    </row>
    <row r="12" spans="1:14" ht="60" x14ac:dyDescent="0.2">
      <c r="A12" s="40" t="s">
        <v>234</v>
      </c>
      <c r="B12" s="9" t="s">
        <v>239</v>
      </c>
      <c r="C12" s="6" t="s">
        <v>14</v>
      </c>
      <c r="D12" s="9" t="s">
        <v>240</v>
      </c>
      <c r="E12" s="16">
        <v>45955</v>
      </c>
      <c r="F12" s="16">
        <v>45955</v>
      </c>
      <c r="G12" s="9" t="s">
        <v>577</v>
      </c>
      <c r="H12" s="9" t="s">
        <v>237</v>
      </c>
      <c r="I12" s="9" t="s">
        <v>580</v>
      </c>
      <c r="J12" s="9" t="s">
        <v>65</v>
      </c>
      <c r="K12" s="9" t="s">
        <v>18</v>
      </c>
      <c r="L12" s="21" t="s">
        <v>19</v>
      </c>
      <c r="M12" s="9" t="s">
        <v>581</v>
      </c>
      <c r="N12" s="14" t="s">
        <v>238</v>
      </c>
    </row>
    <row r="13" spans="1:14" ht="60" x14ac:dyDescent="0.2">
      <c r="A13" s="40" t="s">
        <v>234</v>
      </c>
      <c r="B13" s="9" t="s">
        <v>241</v>
      </c>
      <c r="C13" s="6" t="s">
        <v>14</v>
      </c>
      <c r="D13" s="9" t="s">
        <v>242</v>
      </c>
      <c r="E13" s="16">
        <v>45962</v>
      </c>
      <c r="F13" s="16">
        <v>45962</v>
      </c>
      <c r="G13" s="9" t="s">
        <v>577</v>
      </c>
      <c r="H13" s="9" t="s">
        <v>237</v>
      </c>
      <c r="I13" s="9" t="s">
        <v>582</v>
      </c>
      <c r="J13" s="9" t="s">
        <v>65</v>
      </c>
      <c r="K13" s="9" t="s">
        <v>18</v>
      </c>
      <c r="L13" s="21" t="s">
        <v>19</v>
      </c>
      <c r="M13" s="9" t="s">
        <v>583</v>
      </c>
      <c r="N13" s="14" t="s">
        <v>238</v>
      </c>
    </row>
    <row r="14" spans="1:14" ht="66" x14ac:dyDescent="0.2">
      <c r="A14" s="40" t="s">
        <v>105</v>
      </c>
      <c r="B14" s="9" t="s">
        <v>112</v>
      </c>
      <c r="C14" s="6" t="s">
        <v>14</v>
      </c>
      <c r="D14" s="9" t="s">
        <v>113</v>
      </c>
      <c r="E14" s="16">
        <v>45934</v>
      </c>
      <c r="F14" s="16">
        <v>45934</v>
      </c>
      <c r="G14" s="9" t="s">
        <v>108</v>
      </c>
      <c r="H14" s="9" t="s">
        <v>109</v>
      </c>
      <c r="I14" s="9" t="s">
        <v>114</v>
      </c>
      <c r="J14" s="9" t="s">
        <v>115</v>
      </c>
      <c r="K14" s="9" t="s">
        <v>18</v>
      </c>
      <c r="L14" s="21" t="s">
        <v>19</v>
      </c>
      <c r="M14" s="9" t="s">
        <v>114</v>
      </c>
      <c r="N14" s="3"/>
    </row>
    <row r="15" spans="1:14" ht="52.8" x14ac:dyDescent="0.2">
      <c r="A15" s="40" t="s">
        <v>105</v>
      </c>
      <c r="B15" s="9" t="s">
        <v>106</v>
      </c>
      <c r="C15" s="6" t="s">
        <v>14</v>
      </c>
      <c r="D15" s="9" t="s">
        <v>107</v>
      </c>
      <c r="E15" s="16">
        <v>45955</v>
      </c>
      <c r="F15" s="16">
        <v>45955</v>
      </c>
      <c r="G15" s="9" t="s">
        <v>108</v>
      </c>
      <c r="H15" s="9" t="s">
        <v>109</v>
      </c>
      <c r="I15" s="9" t="s">
        <v>110</v>
      </c>
      <c r="J15" s="9" t="s">
        <v>111</v>
      </c>
      <c r="K15" s="9" t="s">
        <v>18</v>
      </c>
      <c r="L15" s="21" t="s">
        <v>19</v>
      </c>
      <c r="M15" s="9" t="s">
        <v>110</v>
      </c>
      <c r="N15" s="3"/>
    </row>
    <row r="16" spans="1:14" ht="39.6" x14ac:dyDescent="0.2">
      <c r="A16" s="40" t="s">
        <v>387</v>
      </c>
      <c r="B16" s="9" t="s">
        <v>388</v>
      </c>
      <c r="C16" s="6" t="s">
        <v>14</v>
      </c>
      <c r="D16" s="9" t="s">
        <v>389</v>
      </c>
      <c r="E16" s="16">
        <v>45969</v>
      </c>
      <c r="F16" s="16">
        <v>45969</v>
      </c>
      <c r="G16" s="9" t="s">
        <v>584</v>
      </c>
      <c r="H16" s="9" t="s">
        <v>390</v>
      </c>
      <c r="I16" s="9" t="s">
        <v>584</v>
      </c>
      <c r="J16" s="9" t="s">
        <v>391</v>
      </c>
      <c r="K16" s="9" t="s">
        <v>18</v>
      </c>
      <c r="L16" s="21" t="s">
        <v>19</v>
      </c>
      <c r="M16" s="9" t="s">
        <v>585</v>
      </c>
      <c r="N16" s="3"/>
    </row>
    <row r="17" spans="1:14" ht="96" x14ac:dyDescent="0.2">
      <c r="A17" s="40" t="s">
        <v>204</v>
      </c>
      <c r="B17" s="9" t="s">
        <v>52</v>
      </c>
      <c r="C17" s="6" t="s">
        <v>14</v>
      </c>
      <c r="D17" s="9" t="s">
        <v>205</v>
      </c>
      <c r="E17" s="16">
        <v>45969</v>
      </c>
      <c r="F17" s="16">
        <v>45969</v>
      </c>
      <c r="G17" s="9" t="s">
        <v>586</v>
      </c>
      <c r="H17" s="9" t="s">
        <v>206</v>
      </c>
      <c r="I17" s="9" t="s">
        <v>586</v>
      </c>
      <c r="J17" s="9" t="s">
        <v>207</v>
      </c>
      <c r="K17" s="9" t="s">
        <v>18</v>
      </c>
      <c r="L17" s="21" t="s">
        <v>19</v>
      </c>
      <c r="M17" s="9" t="s">
        <v>587</v>
      </c>
      <c r="N17" s="13" t="s">
        <v>208</v>
      </c>
    </row>
    <row r="18" spans="1:14" ht="108" x14ac:dyDescent="0.2">
      <c r="A18" s="40" t="s">
        <v>21</v>
      </c>
      <c r="B18" s="9" t="s">
        <v>259</v>
      </c>
      <c r="C18" s="6" t="s">
        <v>14</v>
      </c>
      <c r="D18" s="9" t="s">
        <v>260</v>
      </c>
      <c r="E18" s="16">
        <v>45929</v>
      </c>
      <c r="F18" s="16">
        <v>45933</v>
      </c>
      <c r="G18" s="9" t="s">
        <v>653</v>
      </c>
      <c r="H18" s="9" t="s">
        <v>254</v>
      </c>
      <c r="I18" s="9" t="s">
        <v>653</v>
      </c>
      <c r="J18" s="9" t="s">
        <v>261</v>
      </c>
      <c r="K18" s="9" t="s">
        <v>25</v>
      </c>
      <c r="L18" s="21" t="s">
        <v>256</v>
      </c>
      <c r="M18" s="9" t="s">
        <v>253</v>
      </c>
      <c r="N18" s="3" t="s">
        <v>257</v>
      </c>
    </row>
    <row r="19" spans="1:14" ht="120" x14ac:dyDescent="0.2">
      <c r="A19" s="40" t="s">
        <v>21</v>
      </c>
      <c r="B19" s="9" t="s">
        <v>500</v>
      </c>
      <c r="C19" s="6" t="s">
        <v>14</v>
      </c>
      <c r="D19" s="9" t="s">
        <v>501</v>
      </c>
      <c r="E19" s="16">
        <v>45948</v>
      </c>
      <c r="F19" s="16">
        <v>45948</v>
      </c>
      <c r="G19" s="9" t="s">
        <v>654</v>
      </c>
      <c r="H19" s="9" t="s">
        <v>502</v>
      </c>
      <c r="I19" s="9" t="s">
        <v>664</v>
      </c>
      <c r="J19" s="9" t="s">
        <v>503</v>
      </c>
      <c r="K19" s="9" t="s">
        <v>18</v>
      </c>
      <c r="L19" s="21" t="s">
        <v>19</v>
      </c>
      <c r="M19" s="9" t="s">
        <v>504</v>
      </c>
      <c r="N19" s="3" t="s">
        <v>505</v>
      </c>
    </row>
    <row r="20" spans="1:14" ht="132" x14ac:dyDescent="0.2">
      <c r="A20" s="40" t="s">
        <v>21</v>
      </c>
      <c r="B20" s="9" t="s">
        <v>22</v>
      </c>
      <c r="C20" s="6" t="s">
        <v>14</v>
      </c>
      <c r="D20" s="9" t="s">
        <v>624</v>
      </c>
      <c r="E20" s="16">
        <v>45961</v>
      </c>
      <c r="F20" s="16">
        <v>45962</v>
      </c>
      <c r="G20" s="9" t="s">
        <v>623</v>
      </c>
      <c r="H20" s="9" t="s">
        <v>23</v>
      </c>
      <c r="I20" s="9" t="s">
        <v>623</v>
      </c>
      <c r="J20" s="9" t="s">
        <v>24</v>
      </c>
      <c r="K20" s="9" t="s">
        <v>25</v>
      </c>
      <c r="L20" s="21" t="s">
        <v>26</v>
      </c>
      <c r="M20" s="9" t="s">
        <v>623</v>
      </c>
      <c r="N20" s="3"/>
    </row>
    <row r="21" spans="1:14" ht="108" x14ac:dyDescent="0.2">
      <c r="A21" s="40" t="s">
        <v>21</v>
      </c>
      <c r="B21" s="9" t="s">
        <v>180</v>
      </c>
      <c r="C21" s="6" t="s">
        <v>14</v>
      </c>
      <c r="D21" s="9" t="s">
        <v>252</v>
      </c>
      <c r="E21" s="16">
        <v>45963</v>
      </c>
      <c r="F21" s="16">
        <v>45963</v>
      </c>
      <c r="G21" s="9" t="s">
        <v>653</v>
      </c>
      <c r="H21" s="9" t="s">
        <v>254</v>
      </c>
      <c r="I21" s="9" t="s">
        <v>653</v>
      </c>
      <c r="J21" s="9" t="s">
        <v>255</v>
      </c>
      <c r="K21" s="9" t="s">
        <v>25</v>
      </c>
      <c r="L21" s="21" t="s">
        <v>256</v>
      </c>
      <c r="M21" s="9" t="s">
        <v>253</v>
      </c>
      <c r="N21" s="3" t="s">
        <v>257</v>
      </c>
    </row>
    <row r="22" spans="1:14" ht="120" x14ac:dyDescent="0.2">
      <c r="A22" s="40" t="s">
        <v>21</v>
      </c>
      <c r="B22" s="9" t="s">
        <v>506</v>
      </c>
      <c r="C22" s="6" t="s">
        <v>14</v>
      </c>
      <c r="D22" s="9" t="s">
        <v>501</v>
      </c>
      <c r="E22" s="16">
        <v>45976</v>
      </c>
      <c r="F22" s="16">
        <v>45976</v>
      </c>
      <c r="G22" s="9" t="s">
        <v>654</v>
      </c>
      <c r="H22" s="9" t="s">
        <v>502</v>
      </c>
      <c r="I22" s="9" t="s">
        <v>664</v>
      </c>
      <c r="J22" s="9" t="s">
        <v>503</v>
      </c>
      <c r="K22" s="9" t="s">
        <v>18</v>
      </c>
      <c r="L22" s="21" t="s">
        <v>19</v>
      </c>
      <c r="M22" s="9" t="s">
        <v>504</v>
      </c>
      <c r="N22" s="3" t="s">
        <v>505</v>
      </c>
    </row>
    <row r="23" spans="1:14" ht="108" x14ac:dyDescent="0.2">
      <c r="A23" s="40" t="s">
        <v>21</v>
      </c>
      <c r="B23" s="9" t="s">
        <v>258</v>
      </c>
      <c r="C23" s="6" t="s">
        <v>14</v>
      </c>
      <c r="D23" s="9" t="s">
        <v>252</v>
      </c>
      <c r="E23" s="16">
        <v>45983</v>
      </c>
      <c r="F23" s="16">
        <v>45983</v>
      </c>
      <c r="G23" s="9" t="s">
        <v>653</v>
      </c>
      <c r="H23" s="9" t="s">
        <v>254</v>
      </c>
      <c r="I23" s="9" t="s">
        <v>653</v>
      </c>
      <c r="J23" s="9" t="s">
        <v>255</v>
      </c>
      <c r="K23" s="9" t="s">
        <v>25</v>
      </c>
      <c r="L23" s="21" t="s">
        <v>256</v>
      </c>
      <c r="M23" s="9" t="s">
        <v>253</v>
      </c>
      <c r="N23" s="3" t="s">
        <v>257</v>
      </c>
    </row>
    <row r="24" spans="1:14" ht="60" x14ac:dyDescent="0.2">
      <c r="A24" s="58" t="s">
        <v>197</v>
      </c>
      <c r="B24" s="22" t="s">
        <v>198</v>
      </c>
      <c r="C24" s="19" t="s">
        <v>14</v>
      </c>
      <c r="D24" s="22" t="s">
        <v>199</v>
      </c>
      <c r="E24" s="39">
        <v>45956</v>
      </c>
      <c r="F24" s="39">
        <v>45956</v>
      </c>
      <c r="G24" s="22" t="s">
        <v>200</v>
      </c>
      <c r="H24" s="22" t="s">
        <v>201</v>
      </c>
      <c r="I24" s="22" t="s">
        <v>202</v>
      </c>
      <c r="J24" s="22" t="s">
        <v>65</v>
      </c>
      <c r="K24" s="22" t="s">
        <v>25</v>
      </c>
      <c r="L24" s="24" t="s">
        <v>19</v>
      </c>
      <c r="M24" s="22" t="s">
        <v>202</v>
      </c>
      <c r="N24" s="3" t="s">
        <v>203</v>
      </c>
    </row>
    <row r="25" spans="1:14" ht="96" x14ac:dyDescent="0.2">
      <c r="A25" s="58" t="s">
        <v>262</v>
      </c>
      <c r="B25" s="28" t="s">
        <v>590</v>
      </c>
      <c r="C25" s="19" t="s">
        <v>14</v>
      </c>
      <c r="D25" s="28" t="s">
        <v>539</v>
      </c>
      <c r="E25" s="39">
        <v>45934</v>
      </c>
      <c r="F25" s="39">
        <v>45934</v>
      </c>
      <c r="G25" s="28" t="s">
        <v>592</v>
      </c>
      <c r="H25" s="28" t="s">
        <v>540</v>
      </c>
      <c r="I25" s="28" t="s">
        <v>591</v>
      </c>
      <c r="J25" s="28" t="s">
        <v>541</v>
      </c>
      <c r="K25" s="28" t="s">
        <v>18</v>
      </c>
      <c r="L25" s="29" t="s">
        <v>19</v>
      </c>
      <c r="M25" s="28" t="s">
        <v>591</v>
      </c>
      <c r="N25" s="30" t="s">
        <v>542</v>
      </c>
    </row>
    <row r="26" spans="1:14" ht="66" x14ac:dyDescent="0.2">
      <c r="A26" s="40" t="s">
        <v>262</v>
      </c>
      <c r="B26" s="9" t="s">
        <v>263</v>
      </c>
      <c r="C26" s="6" t="s">
        <v>14</v>
      </c>
      <c r="D26" s="9" t="s">
        <v>264</v>
      </c>
      <c r="E26" s="16">
        <v>45948</v>
      </c>
      <c r="F26" s="16">
        <v>45948</v>
      </c>
      <c r="G26" s="9" t="s">
        <v>588</v>
      </c>
      <c r="H26" s="9" t="s">
        <v>265</v>
      </c>
      <c r="I26" s="9" t="s">
        <v>266</v>
      </c>
      <c r="J26" s="9" t="s">
        <v>267</v>
      </c>
      <c r="K26" s="9" t="s">
        <v>18</v>
      </c>
      <c r="L26" s="21" t="s">
        <v>19</v>
      </c>
      <c r="M26" s="9" t="s">
        <v>268</v>
      </c>
      <c r="N26" s="12"/>
    </row>
    <row r="27" spans="1:14" ht="66" x14ac:dyDescent="0.2">
      <c r="A27" s="40" t="s">
        <v>262</v>
      </c>
      <c r="B27" s="9" t="s">
        <v>269</v>
      </c>
      <c r="C27" s="6" t="s">
        <v>14</v>
      </c>
      <c r="D27" s="9" t="s">
        <v>270</v>
      </c>
      <c r="E27" s="16">
        <v>45971</v>
      </c>
      <c r="F27" s="16">
        <v>45975</v>
      </c>
      <c r="G27" s="9" t="s">
        <v>589</v>
      </c>
      <c r="H27" s="9" t="s">
        <v>271</v>
      </c>
      <c r="I27" s="9" t="s">
        <v>266</v>
      </c>
      <c r="J27" s="9" t="s">
        <v>272</v>
      </c>
      <c r="K27" s="9" t="s">
        <v>18</v>
      </c>
      <c r="L27" s="21" t="s">
        <v>41</v>
      </c>
      <c r="M27" s="9" t="s">
        <v>268</v>
      </c>
      <c r="N27" s="3"/>
    </row>
    <row r="28" spans="1:14" ht="52.8" x14ac:dyDescent="0.2">
      <c r="A28" s="58" t="s">
        <v>572</v>
      </c>
      <c r="B28" s="22" t="s">
        <v>81</v>
      </c>
      <c r="C28" s="19" t="s">
        <v>14</v>
      </c>
      <c r="D28" s="22" t="s">
        <v>475</v>
      </c>
      <c r="E28" s="39">
        <v>45927</v>
      </c>
      <c r="F28" s="39">
        <v>45928</v>
      </c>
      <c r="G28" s="22" t="s">
        <v>476</v>
      </c>
      <c r="H28" s="22" t="s">
        <v>109</v>
      </c>
      <c r="I28" s="22" t="s">
        <v>477</v>
      </c>
      <c r="J28" s="22" t="s">
        <v>478</v>
      </c>
      <c r="K28" s="22" t="s">
        <v>18</v>
      </c>
      <c r="L28" s="24" t="s">
        <v>41</v>
      </c>
      <c r="M28" s="22" t="s">
        <v>477</v>
      </c>
      <c r="N28" s="3"/>
    </row>
    <row r="29" spans="1:14" ht="96" x14ac:dyDescent="0.2">
      <c r="A29" s="40" t="s">
        <v>273</v>
      </c>
      <c r="B29" s="9" t="s">
        <v>274</v>
      </c>
      <c r="C29" s="6" t="s">
        <v>14</v>
      </c>
      <c r="D29" s="9" t="s">
        <v>275</v>
      </c>
      <c r="E29" s="16">
        <v>45941</v>
      </c>
      <c r="F29" s="16">
        <v>45941</v>
      </c>
      <c r="G29" s="9" t="s">
        <v>276</v>
      </c>
      <c r="H29" s="9" t="s">
        <v>277</v>
      </c>
      <c r="I29" s="9" t="s">
        <v>278</v>
      </c>
      <c r="J29" s="9" t="s">
        <v>279</v>
      </c>
      <c r="K29" s="9" t="s">
        <v>18</v>
      </c>
      <c r="L29" s="21" t="s">
        <v>19</v>
      </c>
      <c r="M29" s="9" t="s">
        <v>278</v>
      </c>
      <c r="N29" s="3" t="s">
        <v>280</v>
      </c>
    </row>
    <row r="30" spans="1:14" ht="66" x14ac:dyDescent="0.2">
      <c r="A30" s="58" t="s">
        <v>572</v>
      </c>
      <c r="B30" s="22" t="s">
        <v>198</v>
      </c>
      <c r="C30" s="19" t="s">
        <v>14</v>
      </c>
      <c r="D30" s="22" t="s">
        <v>479</v>
      </c>
      <c r="E30" s="39">
        <v>45941</v>
      </c>
      <c r="F30" s="39">
        <v>45941</v>
      </c>
      <c r="G30" s="22" t="s">
        <v>476</v>
      </c>
      <c r="H30" s="22" t="s">
        <v>109</v>
      </c>
      <c r="I30" s="22" t="s">
        <v>480</v>
      </c>
      <c r="J30" s="22" t="s">
        <v>413</v>
      </c>
      <c r="K30" s="22" t="s">
        <v>18</v>
      </c>
      <c r="L30" s="24" t="s">
        <v>19</v>
      </c>
      <c r="M30" s="22" t="s">
        <v>480</v>
      </c>
      <c r="N30" s="3"/>
    </row>
    <row r="31" spans="1:14" ht="96" x14ac:dyDescent="0.2">
      <c r="A31" s="40" t="s">
        <v>273</v>
      </c>
      <c r="B31" s="9" t="s">
        <v>52</v>
      </c>
      <c r="C31" s="6" t="s">
        <v>14</v>
      </c>
      <c r="D31" s="9" t="s">
        <v>275</v>
      </c>
      <c r="E31" s="16">
        <v>45976</v>
      </c>
      <c r="F31" s="16">
        <v>45976</v>
      </c>
      <c r="G31" s="9" t="s">
        <v>276</v>
      </c>
      <c r="H31" s="9" t="s">
        <v>277</v>
      </c>
      <c r="I31" s="9" t="s">
        <v>278</v>
      </c>
      <c r="J31" s="9" t="s">
        <v>279</v>
      </c>
      <c r="K31" s="9" t="s">
        <v>18</v>
      </c>
      <c r="L31" s="21" t="s">
        <v>19</v>
      </c>
      <c r="M31" s="9" t="s">
        <v>278</v>
      </c>
      <c r="N31" s="3" t="s">
        <v>280</v>
      </c>
    </row>
    <row r="32" spans="1:14" ht="84" x14ac:dyDescent="0.2">
      <c r="A32" s="40" t="s">
        <v>471</v>
      </c>
      <c r="B32" s="9" t="s">
        <v>481</v>
      </c>
      <c r="C32" s="6" t="s">
        <v>14</v>
      </c>
      <c r="D32" s="9" t="s">
        <v>482</v>
      </c>
      <c r="E32" s="16">
        <v>45934</v>
      </c>
      <c r="F32" s="16">
        <v>45934</v>
      </c>
      <c r="G32" s="9" t="s">
        <v>483</v>
      </c>
      <c r="H32" s="9" t="s">
        <v>484</v>
      </c>
      <c r="I32" s="9" t="s">
        <v>483</v>
      </c>
      <c r="J32" s="9" t="s">
        <v>485</v>
      </c>
      <c r="K32" s="9" t="s">
        <v>18</v>
      </c>
      <c r="L32" s="21" t="s">
        <v>41</v>
      </c>
      <c r="M32" s="9" t="s">
        <v>486</v>
      </c>
      <c r="N32" s="3" t="s">
        <v>487</v>
      </c>
    </row>
    <row r="33" spans="1:14" ht="84" x14ac:dyDescent="0.2">
      <c r="A33" s="40" t="s">
        <v>471</v>
      </c>
      <c r="B33" s="9" t="s">
        <v>239</v>
      </c>
      <c r="C33" s="6" t="s">
        <v>14</v>
      </c>
      <c r="D33" s="9" t="s">
        <v>488</v>
      </c>
      <c r="E33" s="16">
        <v>45948</v>
      </c>
      <c r="F33" s="16">
        <v>45948</v>
      </c>
      <c r="G33" s="9" t="s">
        <v>483</v>
      </c>
      <c r="H33" s="9" t="s">
        <v>484</v>
      </c>
      <c r="I33" s="9" t="s">
        <v>483</v>
      </c>
      <c r="J33" s="9" t="s">
        <v>489</v>
      </c>
      <c r="K33" s="9" t="s">
        <v>18</v>
      </c>
      <c r="L33" s="21" t="s">
        <v>19</v>
      </c>
      <c r="M33" s="9" t="s">
        <v>490</v>
      </c>
      <c r="N33" s="3" t="s">
        <v>487</v>
      </c>
    </row>
    <row r="34" spans="1:14" ht="79.2" x14ac:dyDescent="0.2">
      <c r="A34" s="40" t="s">
        <v>471</v>
      </c>
      <c r="B34" s="9" t="s">
        <v>472</v>
      </c>
      <c r="C34" s="6" t="s">
        <v>14</v>
      </c>
      <c r="D34" s="9" t="s">
        <v>473</v>
      </c>
      <c r="E34" s="16">
        <v>45963</v>
      </c>
      <c r="F34" s="16">
        <v>45963</v>
      </c>
      <c r="G34" s="9" t="s">
        <v>660</v>
      </c>
      <c r="H34" s="9" t="s">
        <v>465</v>
      </c>
      <c r="I34" s="9" t="s">
        <v>469</v>
      </c>
      <c r="J34" s="9" t="s">
        <v>474</v>
      </c>
      <c r="K34" s="9" t="s">
        <v>18</v>
      </c>
      <c r="L34" s="21" t="s">
        <v>41</v>
      </c>
      <c r="M34" s="9" t="s">
        <v>469</v>
      </c>
      <c r="N34" s="3"/>
    </row>
    <row r="35" spans="1:14" ht="79.2" x14ac:dyDescent="0.2">
      <c r="A35" s="40" t="s">
        <v>136</v>
      </c>
      <c r="B35" s="9" t="s">
        <v>137</v>
      </c>
      <c r="C35" s="6" t="s">
        <v>14</v>
      </c>
      <c r="D35" s="9" t="s">
        <v>138</v>
      </c>
      <c r="E35" s="16">
        <v>45958</v>
      </c>
      <c r="F35" s="16">
        <v>45958</v>
      </c>
      <c r="G35" s="9" t="s">
        <v>140</v>
      </c>
      <c r="H35" s="9" t="s">
        <v>139</v>
      </c>
      <c r="I35" s="9" t="s">
        <v>140</v>
      </c>
      <c r="J35" s="9" t="s">
        <v>141</v>
      </c>
      <c r="K35" s="9" t="s">
        <v>18</v>
      </c>
      <c r="L35" s="21" t="s">
        <v>19</v>
      </c>
      <c r="M35" s="9" t="s">
        <v>140</v>
      </c>
      <c r="N35" s="3"/>
    </row>
    <row r="36" spans="1:14" ht="79.2" x14ac:dyDescent="0.2">
      <c r="A36" s="40" t="s">
        <v>136</v>
      </c>
      <c r="B36" s="9" t="s">
        <v>142</v>
      </c>
      <c r="C36" s="6" t="s">
        <v>14</v>
      </c>
      <c r="D36" s="9" t="s">
        <v>143</v>
      </c>
      <c r="E36" s="16">
        <v>45961</v>
      </c>
      <c r="F36" s="16">
        <v>45961</v>
      </c>
      <c r="G36" s="9" t="s">
        <v>140</v>
      </c>
      <c r="H36" s="9" t="s">
        <v>139</v>
      </c>
      <c r="I36" s="9" t="s">
        <v>140</v>
      </c>
      <c r="J36" s="9" t="s">
        <v>144</v>
      </c>
      <c r="K36" s="9" t="s">
        <v>18</v>
      </c>
      <c r="L36" s="21" t="s">
        <v>19</v>
      </c>
      <c r="M36" s="9" t="s">
        <v>140</v>
      </c>
      <c r="N36" s="3"/>
    </row>
    <row r="37" spans="1:14" ht="79.2" x14ac:dyDescent="0.2">
      <c r="A37" s="40" t="s">
        <v>136</v>
      </c>
      <c r="B37" s="9" t="s">
        <v>145</v>
      </c>
      <c r="C37" s="6" t="s">
        <v>14</v>
      </c>
      <c r="D37" s="9" t="s">
        <v>143</v>
      </c>
      <c r="E37" s="16">
        <v>45967</v>
      </c>
      <c r="F37" s="16">
        <v>45967</v>
      </c>
      <c r="G37" s="9" t="s">
        <v>140</v>
      </c>
      <c r="H37" s="9" t="s">
        <v>139</v>
      </c>
      <c r="I37" s="9" t="s">
        <v>140</v>
      </c>
      <c r="J37" s="9" t="s">
        <v>144</v>
      </c>
      <c r="K37" s="9" t="s">
        <v>18</v>
      </c>
      <c r="L37" s="21" t="s">
        <v>19</v>
      </c>
      <c r="M37" s="9" t="s">
        <v>140</v>
      </c>
      <c r="N37" s="3"/>
    </row>
    <row r="38" spans="1:14" ht="79.2" x14ac:dyDescent="0.2">
      <c r="A38" s="40" t="s">
        <v>136</v>
      </c>
      <c r="B38" s="9" t="s">
        <v>146</v>
      </c>
      <c r="C38" s="6" t="s">
        <v>14</v>
      </c>
      <c r="D38" s="9" t="s">
        <v>138</v>
      </c>
      <c r="E38" s="16">
        <v>45968</v>
      </c>
      <c r="F38" s="16">
        <v>45968</v>
      </c>
      <c r="G38" s="9" t="s">
        <v>140</v>
      </c>
      <c r="H38" s="9" t="s">
        <v>139</v>
      </c>
      <c r="I38" s="9" t="s">
        <v>140</v>
      </c>
      <c r="J38" s="9" t="s">
        <v>141</v>
      </c>
      <c r="K38" s="9" t="s">
        <v>18</v>
      </c>
      <c r="L38" s="21" t="s">
        <v>19</v>
      </c>
      <c r="M38" s="9" t="s">
        <v>140</v>
      </c>
      <c r="N38" s="12"/>
    </row>
    <row r="39" spans="1:14" ht="79.2" x14ac:dyDescent="0.2">
      <c r="A39" s="40" t="s">
        <v>136</v>
      </c>
      <c r="B39" s="9" t="s">
        <v>154</v>
      </c>
      <c r="C39" s="6" t="s">
        <v>14</v>
      </c>
      <c r="D39" s="9" t="s">
        <v>143</v>
      </c>
      <c r="E39" s="16">
        <v>45974</v>
      </c>
      <c r="F39" s="16">
        <v>45974</v>
      </c>
      <c r="G39" s="9" t="s">
        <v>140</v>
      </c>
      <c r="H39" s="9" t="s">
        <v>139</v>
      </c>
      <c r="I39" s="9" t="s">
        <v>140</v>
      </c>
      <c r="J39" s="9" t="s">
        <v>144</v>
      </c>
      <c r="K39" s="9" t="s">
        <v>18</v>
      </c>
      <c r="L39" s="21" t="s">
        <v>19</v>
      </c>
      <c r="M39" s="9" t="s">
        <v>140</v>
      </c>
      <c r="N39" s="3"/>
    </row>
  </sheetData>
  <mergeCells count="1">
    <mergeCell ref="A1:N1"/>
  </mergeCells>
  <phoneticPr fontId="5"/>
  <dataValidations count="1">
    <dataValidation type="list" allowBlank="1" showInputMessage="1" showErrorMessage="1" sqref="K3:K39">
      <formula1>"有料,無料,その他"</formula1>
    </dataValidation>
  </dataValidations>
  <hyperlinks>
    <hyperlink ref="N24" r:id="rId1"/>
    <hyperlink ref="N17" r:id="rId2"/>
    <hyperlink ref="N4" r:id="rId3"/>
    <hyperlink ref="N6" r:id="rId4"/>
    <hyperlink ref="N9" r:id="rId5"/>
    <hyperlink ref="N12" r:id="rId6"/>
    <hyperlink ref="N13" r:id="rId7"/>
    <hyperlink ref="N31" r:id="rId8"/>
    <hyperlink ref="N29" r:id="rId9"/>
    <hyperlink ref="N19" r:id="rId10"/>
    <hyperlink ref="N22" r:id="rId11"/>
    <hyperlink ref="N25" r:id="rId12"/>
    <hyperlink ref="N5" r:id="rId13"/>
  </hyperlinks>
  <pageMargins left="0.7" right="0.7" top="0.75" bottom="0.75" header="0.3" footer="0.3"/>
  <pageSetup paperSize="9" orientation="portrait" r:id="rId14"/>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dimension ref="A1:N3"/>
  <sheetViews>
    <sheetView zoomScaleNormal="100" workbookViewId="0">
      <pane ySplit="2" topLeftCell="A3" activePane="bottomLeft" state="frozen"/>
      <selection pane="bottomLeft" activeCell="I25" sqref="I25"/>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60.6" thickTop="1" x14ac:dyDescent="0.2">
      <c r="A3" s="40" t="s">
        <v>449</v>
      </c>
      <c r="B3" s="9" t="s">
        <v>263</v>
      </c>
      <c r="C3" s="6" t="s">
        <v>14</v>
      </c>
      <c r="D3" s="9" t="s">
        <v>450</v>
      </c>
      <c r="E3" s="16">
        <v>45927</v>
      </c>
      <c r="F3" s="66">
        <v>45927</v>
      </c>
      <c r="G3" s="9" t="s">
        <v>451</v>
      </c>
      <c r="H3" s="9" t="s">
        <v>452</v>
      </c>
      <c r="I3" s="9" t="s">
        <v>451</v>
      </c>
      <c r="J3" s="9" t="s">
        <v>453</v>
      </c>
      <c r="K3" s="9" t="s">
        <v>25</v>
      </c>
      <c r="L3" s="21" t="s">
        <v>19</v>
      </c>
      <c r="M3" s="9" t="s">
        <v>451</v>
      </c>
      <c r="N3" s="3" t="s">
        <v>454</v>
      </c>
    </row>
  </sheetData>
  <mergeCells count="1">
    <mergeCell ref="A1:N1"/>
  </mergeCells>
  <phoneticPr fontId="5"/>
  <dataValidations count="3">
    <dataValidation type="list" allowBlank="1" showInputMessage="1" showErrorMessage="1" sqref="L3">
      <formula1>"要,不要"</formula1>
    </dataValidation>
    <dataValidation imeMode="disabled" allowBlank="1" showInputMessage="1" showErrorMessage="1" sqref="N3 E3"/>
    <dataValidation type="list" allowBlank="1" showInputMessage="1" showErrorMessage="1" sqref="K3">
      <formula1>"有料,無料,その他"</formula1>
    </dataValidation>
  </dataValidations>
  <pageMargins left="0.7" right="0.7" top="0.75" bottom="0.75" header="0.3" footer="0.3"/>
  <pageSetup paperSize="9" orientation="portrait"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dimension ref="A1:N33"/>
  <sheetViews>
    <sheetView zoomScale="70" zoomScaleNormal="70" workbookViewId="0">
      <pane ySplit="2" topLeftCell="A6" activePane="bottomLeft" state="frozen"/>
      <selection pane="bottomLeft" activeCell="Q11" sqref="Q11"/>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53.4" thickTop="1" x14ac:dyDescent="0.2">
      <c r="A3" s="40" t="s">
        <v>12</v>
      </c>
      <c r="B3" s="9" t="s">
        <v>27</v>
      </c>
      <c r="C3" s="6" t="s">
        <v>14</v>
      </c>
      <c r="D3" s="9" t="s">
        <v>28</v>
      </c>
      <c r="E3" s="16">
        <v>45918</v>
      </c>
      <c r="F3" s="16">
        <v>45918</v>
      </c>
      <c r="G3" s="9" t="s">
        <v>29</v>
      </c>
      <c r="H3" s="9" t="s">
        <v>30</v>
      </c>
      <c r="I3" s="9" t="s">
        <v>29</v>
      </c>
      <c r="J3" s="9" t="s">
        <v>31</v>
      </c>
      <c r="K3" s="9" t="s">
        <v>18</v>
      </c>
      <c r="L3" s="21" t="s">
        <v>19</v>
      </c>
      <c r="M3" s="9" t="s">
        <v>32</v>
      </c>
      <c r="N3" s="3"/>
    </row>
    <row r="4" spans="1:14" ht="108" x14ac:dyDescent="0.2">
      <c r="A4" s="40" t="s">
        <v>570</v>
      </c>
      <c r="B4" s="9" t="s">
        <v>13</v>
      </c>
      <c r="C4" s="6" t="s">
        <v>14</v>
      </c>
      <c r="D4" s="9" t="s">
        <v>15</v>
      </c>
      <c r="E4" s="16">
        <v>45927</v>
      </c>
      <c r="F4" s="16">
        <v>45927</v>
      </c>
      <c r="G4" s="9" t="s">
        <v>611</v>
      </c>
      <c r="H4" s="9" t="s">
        <v>16</v>
      </c>
      <c r="I4" s="9" t="s">
        <v>611</v>
      </c>
      <c r="J4" s="9" t="s">
        <v>17</v>
      </c>
      <c r="K4" s="9" t="s">
        <v>18</v>
      </c>
      <c r="L4" s="21" t="s">
        <v>19</v>
      </c>
      <c r="M4" s="9" t="s">
        <v>611</v>
      </c>
      <c r="N4" s="17" t="s">
        <v>20</v>
      </c>
    </row>
    <row r="5" spans="1:14" ht="39.6" x14ac:dyDescent="0.2">
      <c r="A5" s="40" t="s">
        <v>12</v>
      </c>
      <c r="B5" s="9" t="s">
        <v>33</v>
      </c>
      <c r="C5" s="6" t="s">
        <v>14</v>
      </c>
      <c r="D5" s="9" t="s">
        <v>34</v>
      </c>
      <c r="E5" s="16">
        <v>45927</v>
      </c>
      <c r="F5" s="16">
        <v>45927</v>
      </c>
      <c r="G5" s="9" t="s">
        <v>612</v>
      </c>
      <c r="H5" s="9" t="s">
        <v>35</v>
      </c>
      <c r="I5" s="9" t="s">
        <v>612</v>
      </c>
      <c r="J5" s="9" t="s">
        <v>36</v>
      </c>
      <c r="K5" s="9" t="s">
        <v>18</v>
      </c>
      <c r="L5" s="21" t="s">
        <v>19</v>
      </c>
      <c r="M5" s="9" t="s">
        <v>612</v>
      </c>
      <c r="N5" s="3"/>
    </row>
    <row r="6" spans="1:14" ht="96" x14ac:dyDescent="0.2">
      <c r="A6" s="40" t="s">
        <v>12</v>
      </c>
      <c r="B6" s="9" t="s">
        <v>52</v>
      </c>
      <c r="C6" s="6" t="s">
        <v>14</v>
      </c>
      <c r="D6" s="9" t="s">
        <v>287</v>
      </c>
      <c r="E6" s="16">
        <v>45927</v>
      </c>
      <c r="F6" s="16">
        <v>45927</v>
      </c>
      <c r="G6" s="9" t="s">
        <v>615</v>
      </c>
      <c r="H6" s="9" t="s">
        <v>288</v>
      </c>
      <c r="I6" s="9" t="s">
        <v>615</v>
      </c>
      <c r="J6" s="9" t="s">
        <v>289</v>
      </c>
      <c r="K6" s="9" t="s">
        <v>40</v>
      </c>
      <c r="L6" s="21" t="s">
        <v>19</v>
      </c>
      <c r="M6" s="9" t="s">
        <v>615</v>
      </c>
      <c r="N6" s="3" t="s">
        <v>290</v>
      </c>
    </row>
    <row r="7" spans="1:14" ht="79.2" x14ac:dyDescent="0.2">
      <c r="A7" s="40" t="s">
        <v>12</v>
      </c>
      <c r="B7" s="9" t="s">
        <v>417</v>
      </c>
      <c r="C7" s="6" t="s">
        <v>14</v>
      </c>
      <c r="D7" s="9" t="s">
        <v>418</v>
      </c>
      <c r="E7" s="16">
        <v>45927</v>
      </c>
      <c r="F7" s="16">
        <v>45927</v>
      </c>
      <c r="G7" s="9" t="s">
        <v>421</v>
      </c>
      <c r="H7" s="9" t="s">
        <v>420</v>
      </c>
      <c r="I7" s="9" t="s">
        <v>421</v>
      </c>
      <c r="J7" s="9" t="s">
        <v>422</v>
      </c>
      <c r="K7" s="9" t="s">
        <v>25</v>
      </c>
      <c r="L7" s="21" t="s">
        <v>19</v>
      </c>
      <c r="M7" s="9" t="s">
        <v>419</v>
      </c>
      <c r="N7" s="1" t="s">
        <v>423</v>
      </c>
    </row>
    <row r="8" spans="1:14" ht="105.6" x14ac:dyDescent="0.2">
      <c r="A8" s="40" t="s">
        <v>12</v>
      </c>
      <c r="B8" s="9" t="s">
        <v>512</v>
      </c>
      <c r="C8" s="6" t="s">
        <v>14</v>
      </c>
      <c r="D8" s="9" t="s">
        <v>513</v>
      </c>
      <c r="E8" s="16">
        <v>45927</v>
      </c>
      <c r="F8" s="16">
        <v>45927</v>
      </c>
      <c r="G8" s="9" t="s">
        <v>515</v>
      </c>
      <c r="H8" s="9" t="s">
        <v>514</v>
      </c>
      <c r="I8" s="9" t="s">
        <v>515</v>
      </c>
      <c r="J8" s="9" t="s">
        <v>516</v>
      </c>
      <c r="K8" s="9" t="s">
        <v>25</v>
      </c>
      <c r="L8" s="21" t="s">
        <v>41</v>
      </c>
      <c r="M8" s="9" t="s">
        <v>515</v>
      </c>
      <c r="N8" s="1" t="s">
        <v>517</v>
      </c>
    </row>
    <row r="9" spans="1:14" ht="105.6" x14ac:dyDescent="0.2">
      <c r="A9" s="40" t="s">
        <v>12</v>
      </c>
      <c r="B9" s="9" t="s">
        <v>518</v>
      </c>
      <c r="C9" s="6" t="s">
        <v>14</v>
      </c>
      <c r="D9" s="9" t="s">
        <v>519</v>
      </c>
      <c r="E9" s="16">
        <v>45927</v>
      </c>
      <c r="F9" s="16">
        <v>45927</v>
      </c>
      <c r="G9" s="9" t="s">
        <v>515</v>
      </c>
      <c r="H9" s="9" t="s">
        <v>514</v>
      </c>
      <c r="I9" s="9" t="s">
        <v>515</v>
      </c>
      <c r="J9" s="9" t="s">
        <v>520</v>
      </c>
      <c r="K9" s="9" t="s">
        <v>18</v>
      </c>
      <c r="L9" s="21" t="s">
        <v>19</v>
      </c>
      <c r="M9" s="9" t="s">
        <v>515</v>
      </c>
      <c r="N9" s="1" t="s">
        <v>517</v>
      </c>
    </row>
    <row r="10" spans="1:14" ht="72" x14ac:dyDescent="0.2">
      <c r="A10" s="40" t="s">
        <v>12</v>
      </c>
      <c r="B10" s="9" t="s">
        <v>524</v>
      </c>
      <c r="C10" s="6" t="s">
        <v>14</v>
      </c>
      <c r="D10" s="9" t="s">
        <v>525</v>
      </c>
      <c r="E10" s="16">
        <v>45927</v>
      </c>
      <c r="F10" s="16">
        <v>45927</v>
      </c>
      <c r="G10" s="9" t="s">
        <v>617</v>
      </c>
      <c r="H10" s="9" t="s">
        <v>526</v>
      </c>
      <c r="I10" s="9" t="s">
        <v>617</v>
      </c>
      <c r="J10" s="9" t="s">
        <v>527</v>
      </c>
      <c r="K10" s="9" t="s">
        <v>18</v>
      </c>
      <c r="L10" s="21" t="s">
        <v>19</v>
      </c>
      <c r="M10" s="9" t="s">
        <v>618</v>
      </c>
      <c r="N10" s="3" t="s">
        <v>528</v>
      </c>
    </row>
    <row r="11" spans="1:14" ht="120" x14ac:dyDescent="0.2">
      <c r="A11" s="73" t="s">
        <v>12</v>
      </c>
      <c r="B11" s="74" t="s">
        <v>247</v>
      </c>
      <c r="C11" s="75" t="s">
        <v>14</v>
      </c>
      <c r="D11" s="74" t="s">
        <v>713</v>
      </c>
      <c r="E11" s="76" t="s">
        <v>716</v>
      </c>
      <c r="F11" s="76" t="s">
        <v>716</v>
      </c>
      <c r="G11" s="74" t="s">
        <v>714</v>
      </c>
      <c r="H11" s="74" t="s">
        <v>715</v>
      </c>
      <c r="I11" s="74" t="s">
        <v>714</v>
      </c>
      <c r="J11" s="74" t="s">
        <v>191</v>
      </c>
      <c r="K11" s="74" t="s">
        <v>18</v>
      </c>
      <c r="L11" s="77" t="s">
        <v>19</v>
      </c>
      <c r="M11" s="74" t="s">
        <v>714</v>
      </c>
      <c r="N11" s="3" t="s">
        <v>717</v>
      </c>
    </row>
    <row r="12" spans="1:14" ht="211.2" x14ac:dyDescent="0.2">
      <c r="A12" s="40" t="s">
        <v>12</v>
      </c>
      <c r="B12" s="9" t="s">
        <v>397</v>
      </c>
      <c r="C12" s="6" t="s">
        <v>14</v>
      </c>
      <c r="D12" s="9" t="s">
        <v>398</v>
      </c>
      <c r="E12" s="16">
        <v>45929</v>
      </c>
      <c r="F12" s="16">
        <v>45929</v>
      </c>
      <c r="G12" s="9" t="s">
        <v>399</v>
      </c>
      <c r="H12" s="9" t="s">
        <v>400</v>
      </c>
      <c r="I12" s="9" t="s">
        <v>401</v>
      </c>
      <c r="J12" s="9" t="s">
        <v>402</v>
      </c>
      <c r="K12" s="9" t="s">
        <v>18</v>
      </c>
      <c r="L12" s="21" t="s">
        <v>19</v>
      </c>
      <c r="M12" s="9" t="s">
        <v>403</v>
      </c>
      <c r="N12" s="3" t="s">
        <v>404</v>
      </c>
    </row>
    <row r="13" spans="1:14" ht="88.2" customHeight="1" x14ac:dyDescent="0.2">
      <c r="A13" s="58" t="s">
        <v>12</v>
      </c>
      <c r="B13" s="22" t="s">
        <v>93</v>
      </c>
      <c r="C13" s="19" t="s">
        <v>14</v>
      </c>
      <c r="D13" s="22" t="s">
        <v>209</v>
      </c>
      <c r="E13" s="45" t="s">
        <v>718</v>
      </c>
      <c r="F13" s="45" t="s">
        <v>718</v>
      </c>
      <c r="G13" s="22" t="s">
        <v>211</v>
      </c>
      <c r="H13" s="22" t="s">
        <v>212</v>
      </c>
      <c r="I13" s="22" t="s">
        <v>211</v>
      </c>
      <c r="J13" s="22" t="s">
        <v>213</v>
      </c>
      <c r="K13" s="22" t="s">
        <v>18</v>
      </c>
      <c r="L13" s="24"/>
      <c r="M13" s="22" t="s">
        <v>214</v>
      </c>
      <c r="N13" s="3"/>
    </row>
    <row r="14" spans="1:14" ht="60" x14ac:dyDescent="0.2">
      <c r="A14" s="40" t="s">
        <v>12</v>
      </c>
      <c r="B14" s="9" t="s">
        <v>93</v>
      </c>
      <c r="C14" s="6" t="s">
        <v>14</v>
      </c>
      <c r="D14" s="9" t="s">
        <v>192</v>
      </c>
      <c r="E14" s="16">
        <v>45941</v>
      </c>
      <c r="F14" s="16">
        <v>45941</v>
      </c>
      <c r="G14" s="9" t="s">
        <v>658</v>
      </c>
      <c r="H14" s="9" t="s">
        <v>193</v>
      </c>
      <c r="I14" s="9" t="s">
        <v>668</v>
      </c>
      <c r="J14" s="9" t="s">
        <v>194</v>
      </c>
      <c r="K14" s="9" t="s">
        <v>18</v>
      </c>
      <c r="L14" s="21" t="s">
        <v>19</v>
      </c>
      <c r="M14" s="9" t="s">
        <v>195</v>
      </c>
      <c r="N14" s="3" t="s">
        <v>196</v>
      </c>
    </row>
    <row r="15" spans="1:14" ht="66" x14ac:dyDescent="0.2">
      <c r="A15" s="40" t="s">
        <v>12</v>
      </c>
      <c r="B15" s="9" t="s">
        <v>543</v>
      </c>
      <c r="C15" s="6" t="s">
        <v>14</v>
      </c>
      <c r="D15" s="9" t="s">
        <v>544</v>
      </c>
      <c r="E15" s="16">
        <v>45941</v>
      </c>
      <c r="F15" s="16">
        <v>45941</v>
      </c>
      <c r="G15" s="9" t="s">
        <v>545</v>
      </c>
      <c r="H15" s="9" t="s">
        <v>546</v>
      </c>
      <c r="I15" s="9" t="s">
        <v>545</v>
      </c>
      <c r="J15" s="9" t="s">
        <v>547</v>
      </c>
      <c r="K15" s="9" t="s">
        <v>18</v>
      </c>
      <c r="L15" s="21" t="s">
        <v>548</v>
      </c>
      <c r="M15" s="9" t="s">
        <v>545</v>
      </c>
      <c r="N15" s="3"/>
    </row>
    <row r="16" spans="1:14" ht="72" x14ac:dyDescent="0.2">
      <c r="A16" s="40" t="s">
        <v>12</v>
      </c>
      <c r="B16" s="9" t="s">
        <v>351</v>
      </c>
      <c r="C16" s="6" t="s">
        <v>14</v>
      </c>
      <c r="D16" s="9" t="s">
        <v>352</v>
      </c>
      <c r="E16" s="16">
        <v>45948</v>
      </c>
      <c r="F16" s="16">
        <v>45948</v>
      </c>
      <c r="G16" s="9" t="s">
        <v>659</v>
      </c>
      <c r="H16" s="9" t="s">
        <v>353</v>
      </c>
      <c r="I16" s="9" t="s">
        <v>669</v>
      </c>
      <c r="J16" s="9" t="s">
        <v>354</v>
      </c>
      <c r="K16" s="9" t="s">
        <v>18</v>
      </c>
      <c r="L16" s="21" t="s">
        <v>19</v>
      </c>
      <c r="M16" s="9" t="s">
        <v>355</v>
      </c>
      <c r="N16" s="3" t="s">
        <v>356</v>
      </c>
    </row>
    <row r="17" spans="1:14" ht="211.2" x14ac:dyDescent="0.2">
      <c r="A17" s="40" t="s">
        <v>12</v>
      </c>
      <c r="B17" s="9" t="s">
        <v>405</v>
      </c>
      <c r="C17" s="6" t="s">
        <v>14</v>
      </c>
      <c r="D17" s="9" t="s">
        <v>398</v>
      </c>
      <c r="E17" s="16">
        <v>45950</v>
      </c>
      <c r="F17" s="16">
        <v>45950</v>
      </c>
      <c r="G17" s="9" t="s">
        <v>399</v>
      </c>
      <c r="H17" s="9" t="s">
        <v>400</v>
      </c>
      <c r="I17" s="9" t="s">
        <v>401</v>
      </c>
      <c r="J17" s="9" t="s">
        <v>402</v>
      </c>
      <c r="K17" s="9" t="s">
        <v>18</v>
      </c>
      <c r="L17" s="21" t="s">
        <v>19</v>
      </c>
      <c r="M17" s="9" t="s">
        <v>403</v>
      </c>
      <c r="N17" s="3" t="s">
        <v>404</v>
      </c>
    </row>
    <row r="18" spans="1:14" ht="52.8" x14ac:dyDescent="0.2">
      <c r="A18" s="40" t="s">
        <v>12</v>
      </c>
      <c r="B18" s="9" t="s">
        <v>463</v>
      </c>
      <c r="C18" s="6" t="s">
        <v>14</v>
      </c>
      <c r="D18" s="9" t="s">
        <v>464</v>
      </c>
      <c r="E18" s="16">
        <v>45955</v>
      </c>
      <c r="F18" s="16">
        <v>45955</v>
      </c>
      <c r="G18" s="9" t="s">
        <v>661</v>
      </c>
      <c r="H18" s="9" t="s">
        <v>465</v>
      </c>
      <c r="I18" s="9" t="s">
        <v>466</v>
      </c>
      <c r="J18" s="9" t="s">
        <v>467</v>
      </c>
      <c r="K18" s="9" t="s">
        <v>18</v>
      </c>
      <c r="L18" s="21" t="s">
        <v>41</v>
      </c>
      <c r="M18" s="9" t="s">
        <v>466</v>
      </c>
      <c r="N18" s="1"/>
    </row>
    <row r="19" spans="1:14" ht="118.8" x14ac:dyDescent="0.2">
      <c r="A19" s="40" t="s">
        <v>12</v>
      </c>
      <c r="B19" s="9" t="s">
        <v>521</v>
      </c>
      <c r="C19" s="6" t="s">
        <v>82</v>
      </c>
      <c r="D19" s="9" t="s">
        <v>522</v>
      </c>
      <c r="E19" s="16">
        <v>45955</v>
      </c>
      <c r="F19" s="16">
        <v>45956</v>
      </c>
      <c r="G19" s="9" t="s">
        <v>515</v>
      </c>
      <c r="H19" s="9" t="s">
        <v>514</v>
      </c>
      <c r="I19" s="9" t="s">
        <v>515</v>
      </c>
      <c r="J19" s="9" t="s">
        <v>523</v>
      </c>
      <c r="K19" s="9" t="s">
        <v>18</v>
      </c>
      <c r="L19" s="21" t="s">
        <v>41</v>
      </c>
      <c r="M19" s="9" t="s">
        <v>515</v>
      </c>
      <c r="N19" s="1" t="s">
        <v>517</v>
      </c>
    </row>
    <row r="20" spans="1:14" ht="72" x14ac:dyDescent="0.2">
      <c r="A20" s="40" t="s">
        <v>12</v>
      </c>
      <c r="B20" s="9" t="s">
        <v>198</v>
      </c>
      <c r="C20" s="6" t="s">
        <v>14</v>
      </c>
      <c r="D20" s="9" t="s">
        <v>529</v>
      </c>
      <c r="E20" s="16">
        <v>45955</v>
      </c>
      <c r="F20" s="16">
        <v>45955</v>
      </c>
      <c r="G20" s="9" t="s">
        <v>617</v>
      </c>
      <c r="H20" s="9" t="s">
        <v>526</v>
      </c>
      <c r="I20" s="9" t="s">
        <v>617</v>
      </c>
      <c r="J20" s="9" t="s">
        <v>530</v>
      </c>
      <c r="K20" s="9" t="s">
        <v>18</v>
      </c>
      <c r="L20" s="21" t="s">
        <v>19</v>
      </c>
      <c r="M20" s="9" t="s">
        <v>618</v>
      </c>
      <c r="N20" s="3" t="s">
        <v>528</v>
      </c>
    </row>
    <row r="21" spans="1:14" ht="66" x14ac:dyDescent="0.2">
      <c r="A21" s="58" t="s">
        <v>12</v>
      </c>
      <c r="B21" s="22" t="s">
        <v>106</v>
      </c>
      <c r="C21" s="19" t="s">
        <v>14</v>
      </c>
      <c r="D21" s="22" t="s">
        <v>559</v>
      </c>
      <c r="E21" s="39">
        <v>45955</v>
      </c>
      <c r="F21" s="39">
        <v>45955</v>
      </c>
      <c r="G21" s="22" t="s">
        <v>619</v>
      </c>
      <c r="H21" s="22" t="s">
        <v>560</v>
      </c>
      <c r="I21" s="22" t="s">
        <v>561</v>
      </c>
      <c r="J21" s="22" t="s">
        <v>562</v>
      </c>
      <c r="K21" s="22" t="s">
        <v>18</v>
      </c>
      <c r="L21" s="24" t="s">
        <v>19</v>
      </c>
      <c r="M21" s="22" t="s">
        <v>620</v>
      </c>
      <c r="N21" s="3"/>
    </row>
    <row r="22" spans="1:14" ht="66" x14ac:dyDescent="0.2">
      <c r="A22" s="40" t="s">
        <v>12</v>
      </c>
      <c r="B22" s="9" t="s">
        <v>132</v>
      </c>
      <c r="C22" s="6" t="s">
        <v>14</v>
      </c>
      <c r="D22" s="9" t="s">
        <v>133</v>
      </c>
      <c r="E22" s="16">
        <v>45957</v>
      </c>
      <c r="F22" s="16">
        <v>45957</v>
      </c>
      <c r="G22" s="9" t="s">
        <v>613</v>
      </c>
      <c r="H22" s="9" t="s">
        <v>134</v>
      </c>
      <c r="I22" s="9" t="s">
        <v>613</v>
      </c>
      <c r="J22" s="9" t="s">
        <v>135</v>
      </c>
      <c r="K22" s="9" t="s">
        <v>18</v>
      </c>
      <c r="L22" s="21" t="s">
        <v>19</v>
      </c>
      <c r="M22" s="9" t="s">
        <v>614</v>
      </c>
      <c r="N22" s="3"/>
    </row>
    <row r="23" spans="1:14" ht="72" x14ac:dyDescent="0.2">
      <c r="A23" s="40" t="s">
        <v>12</v>
      </c>
      <c r="B23" s="9" t="s">
        <v>81</v>
      </c>
      <c r="C23" s="6" t="s">
        <v>82</v>
      </c>
      <c r="D23" s="9" t="s">
        <v>358</v>
      </c>
      <c r="E23" s="16">
        <v>45962</v>
      </c>
      <c r="F23" s="16">
        <v>45962</v>
      </c>
      <c r="G23" s="9" t="s">
        <v>659</v>
      </c>
      <c r="H23" s="9" t="s">
        <v>353</v>
      </c>
      <c r="I23" s="9" t="s">
        <v>669</v>
      </c>
      <c r="J23" s="9" t="s">
        <v>359</v>
      </c>
      <c r="K23" s="9" t="s">
        <v>18</v>
      </c>
      <c r="L23" s="21" t="s">
        <v>41</v>
      </c>
      <c r="M23" s="9" t="s">
        <v>360</v>
      </c>
      <c r="N23" s="3" t="s">
        <v>356</v>
      </c>
    </row>
    <row r="24" spans="1:14" ht="52.8" x14ac:dyDescent="0.2">
      <c r="A24" s="40" t="s">
        <v>12</v>
      </c>
      <c r="B24" s="9" t="s">
        <v>198</v>
      </c>
      <c r="C24" s="6" t="s">
        <v>14</v>
      </c>
      <c r="D24" s="9" t="s">
        <v>468</v>
      </c>
      <c r="E24" s="16">
        <v>45962</v>
      </c>
      <c r="F24" s="16">
        <v>45962</v>
      </c>
      <c r="G24" s="9" t="s">
        <v>662</v>
      </c>
      <c r="H24" s="9" t="s">
        <v>465</v>
      </c>
      <c r="I24" s="9" t="s">
        <v>469</v>
      </c>
      <c r="J24" s="9" t="s">
        <v>470</v>
      </c>
      <c r="K24" s="9" t="s">
        <v>18</v>
      </c>
      <c r="L24" s="21" t="s">
        <v>19</v>
      </c>
      <c r="M24" s="9" t="s">
        <v>469</v>
      </c>
      <c r="N24" s="1"/>
    </row>
    <row r="25" spans="1:14" ht="26.4" x14ac:dyDescent="0.2">
      <c r="A25" s="40" t="s">
        <v>12</v>
      </c>
      <c r="B25" s="9" t="s">
        <v>37</v>
      </c>
      <c r="C25" s="6" t="s">
        <v>14</v>
      </c>
      <c r="D25" s="9" t="s">
        <v>38</v>
      </c>
      <c r="E25" s="42" t="s">
        <v>626</v>
      </c>
      <c r="F25" s="16">
        <v>45963</v>
      </c>
      <c r="G25" s="9" t="s">
        <v>612</v>
      </c>
      <c r="H25" s="9" t="s">
        <v>35</v>
      </c>
      <c r="I25" s="9" t="s">
        <v>612</v>
      </c>
      <c r="J25" s="9" t="s">
        <v>39</v>
      </c>
      <c r="K25" s="9" t="s">
        <v>40</v>
      </c>
      <c r="L25" s="21" t="s">
        <v>41</v>
      </c>
      <c r="M25" s="9" t="s">
        <v>612</v>
      </c>
      <c r="N25" s="3"/>
    </row>
    <row r="26" spans="1:14" ht="60" x14ac:dyDescent="0.2">
      <c r="A26" s="40" t="s">
        <v>12</v>
      </c>
      <c r="B26" s="9" t="s">
        <v>93</v>
      </c>
      <c r="C26" s="6" t="s">
        <v>14</v>
      </c>
      <c r="D26" s="9" t="s">
        <v>192</v>
      </c>
      <c r="E26" s="16">
        <v>45969</v>
      </c>
      <c r="F26" s="16">
        <v>45969</v>
      </c>
      <c r="G26" s="9" t="s">
        <v>658</v>
      </c>
      <c r="H26" s="9" t="s">
        <v>193</v>
      </c>
      <c r="I26" s="9" t="s">
        <v>668</v>
      </c>
      <c r="J26" s="9" t="s">
        <v>194</v>
      </c>
      <c r="K26" s="9" t="s">
        <v>18</v>
      </c>
      <c r="L26" s="21" t="s">
        <v>19</v>
      </c>
      <c r="M26" s="9" t="s">
        <v>195</v>
      </c>
      <c r="N26" s="3" t="s">
        <v>196</v>
      </c>
    </row>
    <row r="27" spans="1:14" ht="39.6" x14ac:dyDescent="0.2">
      <c r="A27" s="58" t="s">
        <v>12</v>
      </c>
      <c r="B27" s="22" t="s">
        <v>563</v>
      </c>
      <c r="C27" s="19" t="s">
        <v>14</v>
      </c>
      <c r="D27" s="22" t="s">
        <v>564</v>
      </c>
      <c r="E27" s="39">
        <v>45969</v>
      </c>
      <c r="F27" s="39">
        <v>45969</v>
      </c>
      <c r="G27" s="22" t="s">
        <v>619</v>
      </c>
      <c r="H27" s="22" t="s">
        <v>560</v>
      </c>
      <c r="I27" s="22" t="s">
        <v>561</v>
      </c>
      <c r="J27" s="22" t="s">
        <v>527</v>
      </c>
      <c r="K27" s="22" t="s">
        <v>18</v>
      </c>
      <c r="L27" s="24" t="s">
        <v>19</v>
      </c>
      <c r="M27" s="22" t="s">
        <v>620</v>
      </c>
      <c r="N27" s="3"/>
    </row>
    <row r="28" spans="1:14" ht="211.2" x14ac:dyDescent="0.2">
      <c r="A28" s="40" t="s">
        <v>12</v>
      </c>
      <c r="B28" s="9" t="s">
        <v>406</v>
      </c>
      <c r="C28" s="6" t="s">
        <v>14</v>
      </c>
      <c r="D28" s="9" t="s">
        <v>398</v>
      </c>
      <c r="E28" s="16">
        <v>45971</v>
      </c>
      <c r="F28" s="16">
        <v>45971</v>
      </c>
      <c r="G28" s="9" t="s">
        <v>399</v>
      </c>
      <c r="H28" s="41" t="s">
        <v>567</v>
      </c>
      <c r="I28" s="9" t="s">
        <v>401</v>
      </c>
      <c r="J28" s="9" t="s">
        <v>402</v>
      </c>
      <c r="K28" s="9" t="s">
        <v>18</v>
      </c>
      <c r="L28" s="21" t="s">
        <v>19</v>
      </c>
      <c r="M28" s="9" t="s">
        <v>403</v>
      </c>
      <c r="N28" s="3" t="s">
        <v>404</v>
      </c>
    </row>
    <row r="29" spans="1:14" ht="96" x14ac:dyDescent="0.2">
      <c r="A29" s="40" t="s">
        <v>12</v>
      </c>
      <c r="B29" s="9" t="s">
        <v>291</v>
      </c>
      <c r="C29" s="6" t="s">
        <v>14</v>
      </c>
      <c r="D29" s="9" t="s">
        <v>292</v>
      </c>
      <c r="E29" s="16">
        <v>45976</v>
      </c>
      <c r="F29" s="16">
        <v>45976</v>
      </c>
      <c r="G29" s="9" t="s">
        <v>616</v>
      </c>
      <c r="H29" s="9" t="s">
        <v>288</v>
      </c>
      <c r="I29" s="9" t="s">
        <v>615</v>
      </c>
      <c r="J29" s="9" t="s">
        <v>289</v>
      </c>
      <c r="K29" s="9" t="s">
        <v>18</v>
      </c>
      <c r="L29" s="21" t="s">
        <v>19</v>
      </c>
      <c r="M29" s="9" t="s">
        <v>615</v>
      </c>
      <c r="N29" s="18" t="s">
        <v>290</v>
      </c>
    </row>
    <row r="30" spans="1:14" ht="72" x14ac:dyDescent="0.2">
      <c r="A30" s="40" t="s">
        <v>12</v>
      </c>
      <c r="B30" s="9" t="s">
        <v>357</v>
      </c>
      <c r="C30" s="6" t="s">
        <v>14</v>
      </c>
      <c r="D30" s="9" t="s">
        <v>352</v>
      </c>
      <c r="E30" s="16">
        <v>45976</v>
      </c>
      <c r="F30" s="16">
        <v>45976</v>
      </c>
      <c r="G30" s="9" t="s">
        <v>659</v>
      </c>
      <c r="H30" s="9" t="s">
        <v>353</v>
      </c>
      <c r="I30" s="9" t="s">
        <v>669</v>
      </c>
      <c r="J30" s="9" t="s">
        <v>354</v>
      </c>
      <c r="K30" s="9" t="s">
        <v>18</v>
      </c>
      <c r="L30" s="21" t="s">
        <v>19</v>
      </c>
      <c r="M30" s="9" t="s">
        <v>355</v>
      </c>
      <c r="N30" s="3" t="s">
        <v>356</v>
      </c>
    </row>
    <row r="31" spans="1:14" ht="72" x14ac:dyDescent="0.2">
      <c r="A31" s="40" t="s">
        <v>12</v>
      </c>
      <c r="B31" s="9" t="s">
        <v>531</v>
      </c>
      <c r="C31" s="6" t="s">
        <v>14</v>
      </c>
      <c r="D31" s="9" t="s">
        <v>525</v>
      </c>
      <c r="E31" s="16">
        <v>45976</v>
      </c>
      <c r="F31" s="16">
        <v>45976</v>
      </c>
      <c r="G31" s="9" t="s">
        <v>617</v>
      </c>
      <c r="H31" s="9" t="s">
        <v>526</v>
      </c>
      <c r="I31" s="9" t="s">
        <v>617</v>
      </c>
      <c r="J31" s="9" t="s">
        <v>527</v>
      </c>
      <c r="K31" s="9" t="s">
        <v>18</v>
      </c>
      <c r="L31" s="21" t="s">
        <v>19</v>
      </c>
      <c r="M31" s="9" t="s">
        <v>618</v>
      </c>
      <c r="N31" s="3" t="s">
        <v>528</v>
      </c>
    </row>
    <row r="32" spans="1:14" ht="26.4" x14ac:dyDescent="0.2">
      <c r="A32" s="40" t="s">
        <v>12</v>
      </c>
      <c r="B32" s="9" t="s">
        <v>549</v>
      </c>
      <c r="C32" s="6" t="s">
        <v>550</v>
      </c>
      <c r="D32" s="9" t="s">
        <v>551</v>
      </c>
      <c r="E32" s="16">
        <v>45976</v>
      </c>
      <c r="F32" s="16">
        <v>45976</v>
      </c>
      <c r="G32" s="9" t="s">
        <v>545</v>
      </c>
      <c r="H32" s="9" t="s">
        <v>546</v>
      </c>
      <c r="I32" s="9" t="s">
        <v>545</v>
      </c>
      <c r="J32" s="9" t="s">
        <v>552</v>
      </c>
      <c r="K32" s="9" t="s">
        <v>18</v>
      </c>
      <c r="L32" s="21" t="s">
        <v>41</v>
      </c>
      <c r="M32" s="9" t="s">
        <v>545</v>
      </c>
      <c r="N32" s="3"/>
    </row>
    <row r="33" spans="1:14" ht="39.6" x14ac:dyDescent="0.2">
      <c r="A33" s="58" t="s">
        <v>12</v>
      </c>
      <c r="B33" s="22" t="s">
        <v>565</v>
      </c>
      <c r="C33" s="19" t="s">
        <v>14</v>
      </c>
      <c r="D33" s="22" t="s">
        <v>564</v>
      </c>
      <c r="E33" s="39">
        <v>45976</v>
      </c>
      <c r="F33" s="39">
        <v>45976</v>
      </c>
      <c r="G33" s="22" t="s">
        <v>619</v>
      </c>
      <c r="H33" s="22" t="s">
        <v>560</v>
      </c>
      <c r="I33" s="22" t="s">
        <v>561</v>
      </c>
      <c r="J33" s="22" t="s">
        <v>566</v>
      </c>
      <c r="K33" s="22" t="s">
        <v>18</v>
      </c>
      <c r="L33" s="24" t="s">
        <v>19</v>
      </c>
      <c r="M33" s="22" t="s">
        <v>620</v>
      </c>
      <c r="N33" s="3"/>
    </row>
  </sheetData>
  <mergeCells count="1">
    <mergeCell ref="A1:N1"/>
  </mergeCells>
  <phoneticPr fontId="5"/>
  <hyperlinks>
    <hyperlink ref="N31" r:id="rId1"/>
    <hyperlink ref="N20" r:id="rId2"/>
    <hyperlink ref="N10" r:id="rId3"/>
    <hyperlink ref="N19" r:id="rId4"/>
    <hyperlink ref="N9" r:id="rId5"/>
    <hyperlink ref="N8" r:id="rId6"/>
    <hyperlink ref="N7" r:id="rId7"/>
    <hyperlink ref="N28" r:id="rId8"/>
    <hyperlink ref="N17" r:id="rId9"/>
    <hyperlink ref="N12" r:id="rId10"/>
    <hyperlink ref="N29" r:id="rId11"/>
    <hyperlink ref="N6" r:id="rId12"/>
    <hyperlink ref="N4" r:id="rId13"/>
  </hyperlinks>
  <pageMargins left="0.7" right="0.7" top="0.75" bottom="0.75" header="0.3" footer="0.3"/>
  <pageSetup paperSize="9" orientation="portrait" r:id="rId14"/>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N6"/>
  <sheetViews>
    <sheetView zoomScaleNormal="100" workbookViewId="0">
      <pane ySplit="2" topLeftCell="A3" activePane="bottomLeft" state="frozen"/>
      <selection pane="bottomLeft" activeCell="A6" sqref="A6"/>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53.4" thickTop="1" x14ac:dyDescent="0.2">
      <c r="A3" s="40" t="s">
        <v>281</v>
      </c>
      <c r="B3" s="9" t="s">
        <v>52</v>
      </c>
      <c r="C3" s="6" t="s">
        <v>14</v>
      </c>
      <c r="D3" s="9" t="s">
        <v>282</v>
      </c>
      <c r="E3" s="16">
        <v>45948</v>
      </c>
      <c r="F3" s="16">
        <v>45948</v>
      </c>
      <c r="G3" s="9" t="s">
        <v>283</v>
      </c>
      <c r="H3" s="9" t="s">
        <v>284</v>
      </c>
      <c r="I3" s="9" t="s">
        <v>283</v>
      </c>
      <c r="J3" s="9" t="s">
        <v>285</v>
      </c>
      <c r="K3" s="9" t="s">
        <v>18</v>
      </c>
      <c r="L3" s="21" t="s">
        <v>19</v>
      </c>
      <c r="M3" s="9" t="s">
        <v>286</v>
      </c>
      <c r="N3" s="3"/>
    </row>
    <row r="4" spans="1:14" ht="60" x14ac:dyDescent="0.2">
      <c r="A4" s="40" t="s">
        <v>455</v>
      </c>
      <c r="B4" s="9" t="s">
        <v>456</v>
      </c>
      <c r="C4" s="6" t="s">
        <v>14</v>
      </c>
      <c r="D4" s="9" t="s">
        <v>457</v>
      </c>
      <c r="E4" s="42" t="s">
        <v>700</v>
      </c>
      <c r="F4" s="43" t="s">
        <v>700</v>
      </c>
      <c r="G4" s="9" t="s">
        <v>702</v>
      </c>
      <c r="H4" s="9" t="s">
        <v>458</v>
      </c>
      <c r="I4" s="9" t="s">
        <v>459</v>
      </c>
      <c r="J4" s="9" t="s">
        <v>460</v>
      </c>
      <c r="K4" s="9" t="s">
        <v>18</v>
      </c>
      <c r="L4" s="21" t="s">
        <v>19</v>
      </c>
      <c r="M4" s="9" t="s">
        <v>461</v>
      </c>
      <c r="N4" s="3" t="s">
        <v>703</v>
      </c>
    </row>
    <row r="5" spans="1:14" ht="66" x14ac:dyDescent="0.2">
      <c r="A5" s="40" t="s">
        <v>293</v>
      </c>
      <c r="B5" s="9" t="s">
        <v>294</v>
      </c>
      <c r="C5" s="6" t="s">
        <v>14</v>
      </c>
      <c r="D5" s="9" t="s">
        <v>295</v>
      </c>
      <c r="E5" s="16">
        <v>45941</v>
      </c>
      <c r="F5" s="16">
        <v>45941</v>
      </c>
      <c r="G5" s="9" t="s">
        <v>296</v>
      </c>
      <c r="H5" s="32" t="s">
        <v>297</v>
      </c>
      <c r="I5" s="50" t="s">
        <v>663</v>
      </c>
      <c r="J5" s="32" t="s">
        <v>298</v>
      </c>
      <c r="K5" s="9" t="s">
        <v>18</v>
      </c>
      <c r="L5" s="21" t="s">
        <v>19</v>
      </c>
      <c r="M5" s="9" t="s">
        <v>299</v>
      </c>
      <c r="N5" s="33" t="s">
        <v>300</v>
      </c>
    </row>
    <row r="6" spans="1:14" ht="118.8" x14ac:dyDescent="0.2">
      <c r="A6" s="58" t="s">
        <v>553</v>
      </c>
      <c r="B6" s="22" t="s">
        <v>554</v>
      </c>
      <c r="C6" s="19" t="s">
        <v>14</v>
      </c>
      <c r="D6" s="22" t="s">
        <v>555</v>
      </c>
      <c r="E6" s="39">
        <v>45936</v>
      </c>
      <c r="F6" s="39">
        <v>45940</v>
      </c>
      <c r="G6" s="22" t="s">
        <v>594</v>
      </c>
      <c r="H6" s="22" t="s">
        <v>556</v>
      </c>
      <c r="I6" s="22" t="s">
        <v>594</v>
      </c>
      <c r="J6" s="34" t="s">
        <v>557</v>
      </c>
      <c r="K6" s="22" t="s">
        <v>18</v>
      </c>
      <c r="L6" s="24" t="s">
        <v>19</v>
      </c>
      <c r="M6" s="22" t="s">
        <v>595</v>
      </c>
      <c r="N6" s="30" t="s">
        <v>558</v>
      </c>
    </row>
  </sheetData>
  <mergeCells count="1">
    <mergeCell ref="A1:N1"/>
  </mergeCells>
  <phoneticPr fontId="5"/>
  <dataValidations count="1">
    <dataValidation type="list" allowBlank="1" showInputMessage="1" showErrorMessage="1" sqref="K3:K6">
      <formula1>"有料,無料,その他"</formula1>
    </dataValidation>
  </dataValidations>
  <hyperlinks>
    <hyperlink ref="N5" r:id="rId1"/>
    <hyperlink ref="N4" r:id="rId2"/>
    <hyperlink ref="N6" r:id="rId3" display="https://www.pen-kanagawa.ed.jp/asao-sh/"/>
  </hyperlinks>
  <pageMargins left="0.7" right="0.7" top="0.75" bottom="0.75" header="0.3" footer="0.3"/>
  <pageSetup paperSize="9" orientation="portrait" r:id="rId4"/>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N9"/>
  <sheetViews>
    <sheetView zoomScaleNormal="100" workbookViewId="0">
      <pane ySplit="2" topLeftCell="A3" activePane="bottomLeft" state="frozen"/>
      <selection pane="bottomLeft" activeCell="D6" sqref="D6"/>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27" thickTop="1" x14ac:dyDescent="0.2">
      <c r="A3" s="40" t="s">
        <v>326</v>
      </c>
      <c r="B3" s="9" t="s">
        <v>339</v>
      </c>
      <c r="C3" s="6" t="s">
        <v>14</v>
      </c>
      <c r="D3" s="9" t="s">
        <v>340</v>
      </c>
      <c r="E3" s="16">
        <v>45919</v>
      </c>
      <c r="F3" s="16">
        <v>45919</v>
      </c>
      <c r="G3" s="9" t="s">
        <v>341</v>
      </c>
      <c r="H3" s="9" t="s">
        <v>330</v>
      </c>
      <c r="I3" s="9" t="s">
        <v>329</v>
      </c>
      <c r="J3" s="9" t="s">
        <v>47</v>
      </c>
      <c r="K3" s="9" t="s">
        <v>18</v>
      </c>
      <c r="L3" s="21" t="s">
        <v>41</v>
      </c>
      <c r="M3" s="9" t="s">
        <v>342</v>
      </c>
      <c r="N3" s="3"/>
    </row>
    <row r="4" spans="1:14" ht="52.8" x14ac:dyDescent="0.2">
      <c r="A4" s="40" t="s">
        <v>326</v>
      </c>
      <c r="B4" s="9" t="s">
        <v>327</v>
      </c>
      <c r="C4" s="6" t="s">
        <v>14</v>
      </c>
      <c r="D4" s="9" t="s">
        <v>328</v>
      </c>
      <c r="E4" s="16">
        <v>45920</v>
      </c>
      <c r="F4" s="16">
        <v>45920</v>
      </c>
      <c r="G4" s="9" t="s">
        <v>329</v>
      </c>
      <c r="H4" s="9" t="s">
        <v>330</v>
      </c>
      <c r="I4" s="9" t="s">
        <v>329</v>
      </c>
      <c r="J4" s="9" t="s">
        <v>331</v>
      </c>
      <c r="K4" s="9" t="s">
        <v>18</v>
      </c>
      <c r="L4" s="21" t="s">
        <v>19</v>
      </c>
      <c r="M4" s="9" t="s">
        <v>332</v>
      </c>
      <c r="N4" s="3"/>
    </row>
    <row r="5" spans="1:14" ht="52.8" x14ac:dyDescent="0.2">
      <c r="A5" s="40" t="s">
        <v>326</v>
      </c>
      <c r="B5" s="9" t="s">
        <v>333</v>
      </c>
      <c r="C5" s="6" t="s">
        <v>14</v>
      </c>
      <c r="D5" s="9" t="s">
        <v>334</v>
      </c>
      <c r="E5" s="16">
        <v>45948</v>
      </c>
      <c r="F5" s="16">
        <v>45948</v>
      </c>
      <c r="G5" s="9" t="s">
        <v>329</v>
      </c>
      <c r="H5" s="9" t="s">
        <v>330</v>
      </c>
      <c r="I5" s="9" t="s">
        <v>329</v>
      </c>
      <c r="J5" s="9" t="s">
        <v>331</v>
      </c>
      <c r="K5" s="9" t="s">
        <v>18</v>
      </c>
      <c r="L5" s="21" t="s">
        <v>19</v>
      </c>
      <c r="M5" s="9" t="s">
        <v>332</v>
      </c>
      <c r="N5" s="3"/>
    </row>
    <row r="6" spans="1:14" ht="39.6" x14ac:dyDescent="0.2">
      <c r="A6" s="40" t="s">
        <v>326</v>
      </c>
      <c r="B6" s="9" t="s">
        <v>335</v>
      </c>
      <c r="C6" s="6" t="s">
        <v>14</v>
      </c>
      <c r="D6" s="9" t="s">
        <v>336</v>
      </c>
      <c r="E6" s="16">
        <v>45964</v>
      </c>
      <c r="F6" s="16">
        <v>45964</v>
      </c>
      <c r="G6" s="9" t="s">
        <v>329</v>
      </c>
      <c r="H6" s="9" t="s">
        <v>330</v>
      </c>
      <c r="I6" s="9" t="s">
        <v>329</v>
      </c>
      <c r="J6" s="9" t="s">
        <v>337</v>
      </c>
      <c r="K6" s="9" t="s">
        <v>18</v>
      </c>
      <c r="L6" s="21" t="s">
        <v>41</v>
      </c>
      <c r="M6" s="9" t="s">
        <v>338</v>
      </c>
      <c r="N6" s="3"/>
    </row>
    <row r="7" spans="1:14" ht="72" x14ac:dyDescent="0.2">
      <c r="A7" s="40" t="s">
        <v>122</v>
      </c>
      <c r="B7" s="9" t="s">
        <v>52</v>
      </c>
      <c r="C7" s="6" t="s">
        <v>14</v>
      </c>
      <c r="D7" s="9" t="s">
        <v>346</v>
      </c>
      <c r="E7" s="16">
        <v>45934</v>
      </c>
      <c r="F7" s="16">
        <v>45934</v>
      </c>
      <c r="G7" s="9" t="s">
        <v>347</v>
      </c>
      <c r="H7" s="9" t="s">
        <v>348</v>
      </c>
      <c r="I7" s="9" t="s">
        <v>347</v>
      </c>
      <c r="J7" s="9" t="s">
        <v>349</v>
      </c>
      <c r="K7" s="9" t="s">
        <v>18</v>
      </c>
      <c r="L7" s="21" t="s">
        <v>19</v>
      </c>
      <c r="M7" s="9" t="s">
        <v>347</v>
      </c>
      <c r="N7" s="14" t="s">
        <v>350</v>
      </c>
    </row>
    <row r="8" spans="1:14" ht="108" x14ac:dyDescent="0.2">
      <c r="A8" s="58" t="s">
        <v>122</v>
      </c>
      <c r="B8" s="22" t="s">
        <v>123</v>
      </c>
      <c r="C8" s="19" t="s">
        <v>124</v>
      </c>
      <c r="D8" s="31" t="s">
        <v>125</v>
      </c>
      <c r="E8" s="39">
        <v>45948</v>
      </c>
      <c r="F8" s="39">
        <v>45948</v>
      </c>
      <c r="G8" s="22" t="s">
        <v>126</v>
      </c>
      <c r="H8" s="22" t="s">
        <v>127</v>
      </c>
      <c r="I8" s="22" t="s">
        <v>128</v>
      </c>
      <c r="J8" s="22" t="s">
        <v>129</v>
      </c>
      <c r="K8" s="22" t="s">
        <v>18</v>
      </c>
      <c r="L8" s="24" t="s">
        <v>19</v>
      </c>
      <c r="M8" s="22" t="s">
        <v>130</v>
      </c>
      <c r="N8" s="3" t="s">
        <v>131</v>
      </c>
    </row>
    <row r="9" spans="1:14" ht="108" x14ac:dyDescent="0.2">
      <c r="A9" s="40" t="s">
        <v>122</v>
      </c>
      <c r="B9" s="9" t="s">
        <v>507</v>
      </c>
      <c r="C9" s="6" t="s">
        <v>14</v>
      </c>
      <c r="D9" s="27" t="s">
        <v>508</v>
      </c>
      <c r="E9" s="16">
        <v>45948</v>
      </c>
      <c r="F9" s="16">
        <v>45948</v>
      </c>
      <c r="G9" s="9" t="s">
        <v>509</v>
      </c>
      <c r="H9" s="9" t="s">
        <v>510</v>
      </c>
      <c r="I9" s="9" t="s">
        <v>509</v>
      </c>
      <c r="J9" s="9" t="s">
        <v>65</v>
      </c>
      <c r="K9" s="9" t="s">
        <v>18</v>
      </c>
      <c r="L9" s="21" t="s">
        <v>19</v>
      </c>
      <c r="M9" s="9" t="s">
        <v>509</v>
      </c>
      <c r="N9" s="3" t="s">
        <v>511</v>
      </c>
    </row>
  </sheetData>
  <mergeCells count="1">
    <mergeCell ref="A1:N1"/>
  </mergeCells>
  <phoneticPr fontId="5"/>
  <dataValidations count="3">
    <dataValidation type="list" allowBlank="1" showInputMessage="1" showErrorMessage="1" sqref="K3:K9">
      <formula1>"有料,無料,その他"</formula1>
    </dataValidation>
    <dataValidation type="list" allowBlank="1" showInputMessage="1" showErrorMessage="1" sqref="L8:L9">
      <formula1>"要,不要"</formula1>
    </dataValidation>
    <dataValidation imeMode="disabled" allowBlank="1" showInputMessage="1" showErrorMessage="1" sqref="E8:F9 N8:N9"/>
  </dataValidations>
  <hyperlinks>
    <hyperlink ref="N8" r:id="rId1"/>
    <hyperlink ref="N9" r:id="rId2"/>
    <hyperlink ref="N7" r:id="rId3"/>
  </hyperlinks>
  <pageMargins left="0.7" right="0.7" top="0.75" bottom="0.75" header="0.3" footer="0.3"/>
  <pageSetup paperSize="9" orientation="portrait" r:id="rId4"/>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N13"/>
  <sheetViews>
    <sheetView zoomScaleNormal="100" workbookViewId="0">
      <pane ySplit="2" topLeftCell="A3" activePane="bottomLeft" state="frozen"/>
      <selection pane="bottomLeft" activeCell="P7" sqref="P7"/>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72.599999999999994" thickTop="1" x14ac:dyDescent="0.2">
      <c r="A3" s="58" t="s">
        <v>116</v>
      </c>
      <c r="B3" s="22" t="s">
        <v>374</v>
      </c>
      <c r="C3" s="19" t="s">
        <v>14</v>
      </c>
      <c r="D3" s="22" t="s">
        <v>375</v>
      </c>
      <c r="E3" s="39">
        <v>45920</v>
      </c>
      <c r="F3" s="39">
        <v>45920</v>
      </c>
      <c r="G3" s="22" t="s">
        <v>376</v>
      </c>
      <c r="H3" s="22" t="s">
        <v>377</v>
      </c>
      <c r="I3" s="22" t="s">
        <v>665</v>
      </c>
      <c r="J3" s="22" t="s">
        <v>47</v>
      </c>
      <c r="K3" s="22" t="s">
        <v>18</v>
      </c>
      <c r="L3" s="24" t="s">
        <v>41</v>
      </c>
      <c r="M3" s="22" t="s">
        <v>378</v>
      </c>
      <c r="N3" s="3" t="s">
        <v>379</v>
      </c>
    </row>
    <row r="4" spans="1:14" ht="92.4" x14ac:dyDescent="0.2">
      <c r="A4" s="51" t="s">
        <v>116</v>
      </c>
      <c r="B4" s="5" t="s">
        <v>645</v>
      </c>
      <c r="C4" s="6" t="s">
        <v>14</v>
      </c>
      <c r="D4" s="10" t="s">
        <v>646</v>
      </c>
      <c r="E4" s="53">
        <v>45927</v>
      </c>
      <c r="F4" s="7">
        <v>45927</v>
      </c>
      <c r="G4" s="5" t="s">
        <v>627</v>
      </c>
      <c r="H4" s="5" t="s">
        <v>647</v>
      </c>
      <c r="I4" s="9" t="s">
        <v>627</v>
      </c>
      <c r="J4" s="5" t="s">
        <v>191</v>
      </c>
      <c r="K4" s="5" t="s">
        <v>383</v>
      </c>
      <c r="L4" s="8" t="s">
        <v>19</v>
      </c>
      <c r="M4" s="5" t="s">
        <v>627</v>
      </c>
      <c r="N4" s="1" t="s">
        <v>648</v>
      </c>
    </row>
    <row r="5" spans="1:14" ht="72" x14ac:dyDescent="0.2">
      <c r="A5" s="58" t="s">
        <v>116</v>
      </c>
      <c r="B5" s="22" t="s">
        <v>380</v>
      </c>
      <c r="C5" s="19" t="s">
        <v>14</v>
      </c>
      <c r="D5" s="22" t="s">
        <v>381</v>
      </c>
      <c r="E5" s="45">
        <v>45927</v>
      </c>
      <c r="F5" s="45">
        <v>45935</v>
      </c>
      <c r="G5" s="22" t="s">
        <v>376</v>
      </c>
      <c r="H5" s="22" t="s">
        <v>377</v>
      </c>
      <c r="I5" s="22" t="s">
        <v>666</v>
      </c>
      <c r="J5" s="22" t="s">
        <v>382</v>
      </c>
      <c r="K5" s="22" t="s">
        <v>383</v>
      </c>
      <c r="L5" s="24" t="s">
        <v>19</v>
      </c>
      <c r="M5" s="22" t="s">
        <v>384</v>
      </c>
      <c r="N5" s="3" t="s">
        <v>379</v>
      </c>
    </row>
    <row r="6" spans="1:14" ht="92.4" x14ac:dyDescent="0.2">
      <c r="A6" s="58" t="s">
        <v>116</v>
      </c>
      <c r="B6" s="22" t="s">
        <v>497</v>
      </c>
      <c r="C6" s="19" t="s">
        <v>14</v>
      </c>
      <c r="D6" s="22" t="s">
        <v>498</v>
      </c>
      <c r="E6" s="39">
        <v>45934</v>
      </c>
      <c r="F6" s="39">
        <v>45934</v>
      </c>
      <c r="G6" s="22" t="s">
        <v>493</v>
      </c>
      <c r="H6" s="22" t="s">
        <v>494</v>
      </c>
      <c r="I6" s="22" t="s">
        <v>495</v>
      </c>
      <c r="J6" s="22" t="s">
        <v>499</v>
      </c>
      <c r="K6" s="22" t="s">
        <v>18</v>
      </c>
      <c r="L6" s="24" t="s">
        <v>19</v>
      </c>
      <c r="M6" s="22" t="s">
        <v>496</v>
      </c>
      <c r="N6" s="3"/>
    </row>
    <row r="7" spans="1:14" ht="92.4" x14ac:dyDescent="0.2">
      <c r="A7" s="58" t="s">
        <v>116</v>
      </c>
      <c r="B7" s="22" t="s">
        <v>491</v>
      </c>
      <c r="C7" s="19" t="s">
        <v>14</v>
      </c>
      <c r="D7" s="22" t="s">
        <v>492</v>
      </c>
      <c r="E7" s="39">
        <v>45941</v>
      </c>
      <c r="F7" s="39">
        <v>45941</v>
      </c>
      <c r="G7" s="22" t="s">
        <v>493</v>
      </c>
      <c r="H7" s="22" t="s">
        <v>494</v>
      </c>
      <c r="I7" s="22" t="s">
        <v>495</v>
      </c>
      <c r="J7" s="22" t="s">
        <v>47</v>
      </c>
      <c r="K7" s="22" t="s">
        <v>18</v>
      </c>
      <c r="L7" s="24" t="s">
        <v>41</v>
      </c>
      <c r="M7" s="22" t="s">
        <v>496</v>
      </c>
      <c r="N7" s="3"/>
    </row>
    <row r="8" spans="1:14" ht="66" x14ac:dyDescent="0.2">
      <c r="A8" s="58" t="s">
        <v>116</v>
      </c>
      <c r="B8" s="22" t="s">
        <v>117</v>
      </c>
      <c r="C8" s="19" t="s">
        <v>14</v>
      </c>
      <c r="D8" s="22" t="s">
        <v>118</v>
      </c>
      <c r="E8" s="39">
        <v>45947</v>
      </c>
      <c r="F8" s="39">
        <v>45951</v>
      </c>
      <c r="G8" s="22" t="s">
        <v>596</v>
      </c>
      <c r="H8" s="22" t="s">
        <v>119</v>
      </c>
      <c r="I8" s="22" t="s">
        <v>597</v>
      </c>
      <c r="J8" s="22" t="s">
        <v>120</v>
      </c>
      <c r="K8" s="22" t="s">
        <v>18</v>
      </c>
      <c r="L8" s="24" t="s">
        <v>19</v>
      </c>
      <c r="M8" s="22" t="s">
        <v>597</v>
      </c>
      <c r="N8" s="3"/>
    </row>
    <row r="9" spans="1:14" ht="92.4" x14ac:dyDescent="0.2">
      <c r="A9" s="51" t="s">
        <v>116</v>
      </c>
      <c r="B9" s="5" t="s">
        <v>649</v>
      </c>
      <c r="C9" s="6" t="s">
        <v>14</v>
      </c>
      <c r="D9" s="10" t="s">
        <v>646</v>
      </c>
      <c r="E9" s="53">
        <v>45955</v>
      </c>
      <c r="F9" s="7">
        <v>45955</v>
      </c>
      <c r="G9" s="5" t="s">
        <v>627</v>
      </c>
      <c r="H9" s="5" t="s">
        <v>647</v>
      </c>
      <c r="I9" s="9" t="s">
        <v>627</v>
      </c>
      <c r="J9" s="5" t="s">
        <v>191</v>
      </c>
      <c r="K9" s="5" t="s">
        <v>383</v>
      </c>
      <c r="L9" s="8" t="s">
        <v>19</v>
      </c>
      <c r="M9" s="5" t="s">
        <v>627</v>
      </c>
      <c r="N9" s="1" t="s">
        <v>648</v>
      </c>
    </row>
    <row r="10" spans="1:14" ht="72" x14ac:dyDescent="0.2">
      <c r="A10" s="58" t="s">
        <v>116</v>
      </c>
      <c r="B10" s="22" t="s">
        <v>52</v>
      </c>
      <c r="C10" s="19" t="s">
        <v>14</v>
      </c>
      <c r="D10" s="22" t="s">
        <v>385</v>
      </c>
      <c r="E10" s="39">
        <v>45955</v>
      </c>
      <c r="F10" s="39">
        <v>45955</v>
      </c>
      <c r="G10" s="22" t="s">
        <v>376</v>
      </c>
      <c r="H10" s="22" t="s">
        <v>377</v>
      </c>
      <c r="I10" s="22" t="s">
        <v>666</v>
      </c>
      <c r="J10" s="22" t="s">
        <v>386</v>
      </c>
      <c r="K10" s="22" t="s">
        <v>18</v>
      </c>
      <c r="L10" s="24" t="s">
        <v>19</v>
      </c>
      <c r="M10" s="22" t="s">
        <v>384</v>
      </c>
      <c r="N10" s="3" t="s">
        <v>379</v>
      </c>
    </row>
    <row r="11" spans="1:14" ht="60" x14ac:dyDescent="0.2">
      <c r="A11" s="40" t="s">
        <v>116</v>
      </c>
      <c r="B11" s="9" t="s">
        <v>52</v>
      </c>
      <c r="C11" s="6" t="s">
        <v>14</v>
      </c>
      <c r="D11" s="9" t="s">
        <v>301</v>
      </c>
      <c r="E11" s="44" t="s">
        <v>302</v>
      </c>
      <c r="F11" s="44" t="s">
        <v>302</v>
      </c>
      <c r="G11" s="9" t="s">
        <v>303</v>
      </c>
      <c r="H11" s="9" t="s">
        <v>304</v>
      </c>
      <c r="I11" s="9" t="s">
        <v>303</v>
      </c>
      <c r="J11" s="9" t="s">
        <v>305</v>
      </c>
      <c r="K11" s="9" t="s">
        <v>18</v>
      </c>
      <c r="L11" s="21" t="s">
        <v>41</v>
      </c>
      <c r="M11" s="9" t="s">
        <v>306</v>
      </c>
      <c r="N11" s="3" t="s">
        <v>307</v>
      </c>
    </row>
    <row r="12" spans="1:14" ht="92.4" x14ac:dyDescent="0.2">
      <c r="A12" s="51" t="s">
        <v>116</v>
      </c>
      <c r="B12" s="5" t="s">
        <v>650</v>
      </c>
      <c r="C12" s="6" t="s">
        <v>14</v>
      </c>
      <c r="D12" s="5" t="s">
        <v>651</v>
      </c>
      <c r="E12" s="53">
        <v>45962</v>
      </c>
      <c r="F12" s="7">
        <v>45962</v>
      </c>
      <c r="G12" s="5" t="s">
        <v>627</v>
      </c>
      <c r="H12" s="5" t="s">
        <v>647</v>
      </c>
      <c r="I12" s="5" t="s">
        <v>627</v>
      </c>
      <c r="J12" s="5" t="s">
        <v>191</v>
      </c>
      <c r="K12" s="5" t="s">
        <v>18</v>
      </c>
      <c r="L12" s="8" t="s">
        <v>19</v>
      </c>
      <c r="M12" s="5" t="s">
        <v>627</v>
      </c>
      <c r="N12" s="1" t="s">
        <v>652</v>
      </c>
    </row>
    <row r="13" spans="1:14" ht="66" x14ac:dyDescent="0.2">
      <c r="A13" s="58" t="s">
        <v>116</v>
      </c>
      <c r="B13" s="22" t="s">
        <v>117</v>
      </c>
      <c r="C13" s="19" t="s">
        <v>14</v>
      </c>
      <c r="D13" s="22" t="s">
        <v>118</v>
      </c>
      <c r="E13" s="39">
        <v>45979</v>
      </c>
      <c r="F13" s="39">
        <v>45980</v>
      </c>
      <c r="G13" s="22" t="s">
        <v>598</v>
      </c>
      <c r="H13" s="22" t="s">
        <v>121</v>
      </c>
      <c r="I13" s="22" t="s">
        <v>597</v>
      </c>
      <c r="J13" s="22" t="s">
        <v>120</v>
      </c>
      <c r="K13" s="22" t="s">
        <v>18</v>
      </c>
      <c r="L13" s="24" t="s">
        <v>19</v>
      </c>
      <c r="M13" s="22" t="s">
        <v>597</v>
      </c>
      <c r="N13" s="3"/>
    </row>
  </sheetData>
  <mergeCells count="1">
    <mergeCell ref="A1:N1"/>
  </mergeCells>
  <phoneticPr fontId="5"/>
  <dataValidations count="3">
    <dataValidation imeMode="disabled" allowBlank="1" showInputMessage="1" showErrorMessage="1" sqref="E3:F3 N3"/>
    <dataValidation type="list" allowBlank="1" showInputMessage="1" showErrorMessage="1" sqref="L3">
      <formula1>"要,不要"</formula1>
    </dataValidation>
    <dataValidation type="list" allowBlank="1" showInputMessage="1" showErrorMessage="1" sqref="K3:K13">
      <formula1>"有料,無料,その他"</formula1>
    </dataValidation>
  </dataValidations>
  <hyperlinks>
    <hyperlink ref="N11" r:id="rId1"/>
    <hyperlink ref="N3" r:id="rId2"/>
    <hyperlink ref="N5" r:id="rId3"/>
    <hyperlink ref="N10" r:id="rId4"/>
  </hyperlinks>
  <pageMargins left="0.7" right="0.7" top="0.75" bottom="0.75" header="0.3" footer="0.3"/>
  <pageSetup paperSize="9" orientation="portrait" r:id="rId5"/>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A1:N11"/>
  <sheetViews>
    <sheetView zoomScaleNormal="100" workbookViewId="0">
      <pane ySplit="2" topLeftCell="A4" activePane="bottomLeft" state="frozen"/>
      <selection pane="bottomLeft" activeCell="A11" sqref="A11"/>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79.8" thickTop="1" x14ac:dyDescent="0.2">
      <c r="A3" s="40" t="s">
        <v>308</v>
      </c>
      <c r="B3" s="9" t="s">
        <v>424</v>
      </c>
      <c r="C3" s="6" t="s">
        <v>14</v>
      </c>
      <c r="D3" s="9" t="s">
        <v>425</v>
      </c>
      <c r="E3" s="16">
        <v>45927</v>
      </c>
      <c r="F3" s="16">
        <v>45927</v>
      </c>
      <c r="G3" s="9" t="s">
        <v>426</v>
      </c>
      <c r="H3" s="9" t="s">
        <v>427</v>
      </c>
      <c r="I3" s="9" t="s">
        <v>428</v>
      </c>
      <c r="J3" s="9" t="s">
        <v>429</v>
      </c>
      <c r="K3" s="9" t="s">
        <v>18</v>
      </c>
      <c r="L3" s="21" t="s">
        <v>19</v>
      </c>
      <c r="M3" s="9" t="s">
        <v>430</v>
      </c>
      <c r="N3" s="3"/>
    </row>
    <row r="4" spans="1:14" ht="39.6" x14ac:dyDescent="0.2">
      <c r="A4" s="40" t="s">
        <v>308</v>
      </c>
      <c r="B4" s="9" t="s">
        <v>431</v>
      </c>
      <c r="C4" s="6" t="s">
        <v>14</v>
      </c>
      <c r="D4" s="9" t="s">
        <v>432</v>
      </c>
      <c r="E4" s="16">
        <v>45927</v>
      </c>
      <c r="F4" s="16">
        <v>45927</v>
      </c>
      <c r="G4" s="9" t="s">
        <v>433</v>
      </c>
      <c r="H4" s="9" t="s">
        <v>434</v>
      </c>
      <c r="I4" s="9" t="s">
        <v>435</v>
      </c>
      <c r="J4" s="9" t="s">
        <v>436</v>
      </c>
      <c r="K4" s="9" t="s">
        <v>18</v>
      </c>
      <c r="L4" s="21" t="s">
        <v>19</v>
      </c>
      <c r="M4" s="9" t="s">
        <v>437</v>
      </c>
      <c r="N4" s="3"/>
    </row>
    <row r="5" spans="1:14" ht="39.6" x14ac:dyDescent="0.2">
      <c r="A5" s="40" t="s">
        <v>308</v>
      </c>
      <c r="B5" s="9" t="s">
        <v>438</v>
      </c>
      <c r="C5" s="6" t="s">
        <v>14</v>
      </c>
      <c r="D5" s="9" t="s">
        <v>432</v>
      </c>
      <c r="E5" s="16">
        <v>45933</v>
      </c>
      <c r="F5" s="16">
        <v>45933</v>
      </c>
      <c r="G5" s="9" t="s">
        <v>435</v>
      </c>
      <c r="H5" s="9" t="s">
        <v>439</v>
      </c>
      <c r="I5" s="9" t="s">
        <v>435</v>
      </c>
      <c r="J5" s="9" t="s">
        <v>440</v>
      </c>
      <c r="K5" s="9" t="s">
        <v>18</v>
      </c>
      <c r="L5" s="21" t="s">
        <v>19</v>
      </c>
      <c r="M5" s="9" t="s">
        <v>437</v>
      </c>
      <c r="N5" s="3"/>
    </row>
    <row r="6" spans="1:14" ht="39.6" x14ac:dyDescent="0.2">
      <c r="A6" s="40" t="s">
        <v>308</v>
      </c>
      <c r="B6" s="9" t="s">
        <v>441</v>
      </c>
      <c r="C6" s="6" t="s">
        <v>14</v>
      </c>
      <c r="D6" s="9" t="s">
        <v>442</v>
      </c>
      <c r="E6" s="16">
        <v>45948</v>
      </c>
      <c r="F6" s="16">
        <v>45948</v>
      </c>
      <c r="G6" s="9" t="s">
        <v>435</v>
      </c>
      <c r="H6" s="9" t="s">
        <v>439</v>
      </c>
      <c r="I6" s="9" t="s">
        <v>435</v>
      </c>
      <c r="J6" s="9" t="s">
        <v>443</v>
      </c>
      <c r="K6" s="9" t="s">
        <v>18</v>
      </c>
      <c r="L6" s="21" t="s">
        <v>19</v>
      </c>
      <c r="M6" s="9" t="s">
        <v>437</v>
      </c>
      <c r="N6" s="3"/>
    </row>
    <row r="7" spans="1:14" ht="52.8" x14ac:dyDescent="0.2">
      <c r="A7" s="40" t="s">
        <v>308</v>
      </c>
      <c r="B7" s="9" t="s">
        <v>414</v>
      </c>
      <c r="C7" s="6" t="s">
        <v>14</v>
      </c>
      <c r="D7" s="9" t="s">
        <v>415</v>
      </c>
      <c r="E7" s="16">
        <v>45949</v>
      </c>
      <c r="F7" s="16">
        <v>45950</v>
      </c>
      <c r="G7" s="9" t="s">
        <v>416</v>
      </c>
      <c r="H7" s="9" t="s">
        <v>310</v>
      </c>
      <c r="I7" s="9" t="s">
        <v>416</v>
      </c>
      <c r="J7" s="9" t="s">
        <v>47</v>
      </c>
      <c r="K7" s="9" t="s">
        <v>18</v>
      </c>
      <c r="L7" s="21" t="s">
        <v>41</v>
      </c>
      <c r="M7" s="9" t="s">
        <v>416</v>
      </c>
      <c r="N7" s="3"/>
    </row>
    <row r="8" spans="1:14" ht="84" x14ac:dyDescent="0.2">
      <c r="A8" s="40" t="s">
        <v>308</v>
      </c>
      <c r="B8" s="9" t="s">
        <v>274</v>
      </c>
      <c r="C8" s="6" t="s">
        <v>14</v>
      </c>
      <c r="D8" s="9" t="s">
        <v>309</v>
      </c>
      <c r="E8" s="16">
        <v>45950</v>
      </c>
      <c r="F8" s="16">
        <v>45950</v>
      </c>
      <c r="G8" s="9" t="s">
        <v>599</v>
      </c>
      <c r="H8" s="9" t="s">
        <v>310</v>
      </c>
      <c r="I8" s="9" t="s">
        <v>601</v>
      </c>
      <c r="J8" s="9" t="s">
        <v>182</v>
      </c>
      <c r="K8" s="9" t="s">
        <v>18</v>
      </c>
      <c r="L8" s="21" t="s">
        <v>19</v>
      </c>
      <c r="M8" s="9" t="s">
        <v>600</v>
      </c>
      <c r="N8" s="3" t="s">
        <v>311</v>
      </c>
    </row>
    <row r="9" spans="1:14" ht="52.8" x14ac:dyDescent="0.2">
      <c r="A9" s="40" t="s">
        <v>308</v>
      </c>
      <c r="B9" s="9" t="s">
        <v>444</v>
      </c>
      <c r="C9" s="6" t="s">
        <v>14</v>
      </c>
      <c r="D9" s="9" t="s">
        <v>445</v>
      </c>
      <c r="E9" s="16">
        <v>45955</v>
      </c>
      <c r="F9" s="16">
        <v>45956</v>
      </c>
      <c r="G9" s="9" t="s">
        <v>435</v>
      </c>
      <c r="H9" s="9" t="s">
        <v>439</v>
      </c>
      <c r="I9" s="9" t="s">
        <v>435</v>
      </c>
      <c r="J9" s="9" t="s">
        <v>446</v>
      </c>
      <c r="K9" s="9" t="s">
        <v>18</v>
      </c>
      <c r="L9" s="21" t="s">
        <v>447</v>
      </c>
      <c r="M9" s="9" t="s">
        <v>437</v>
      </c>
      <c r="N9" s="3"/>
    </row>
    <row r="10" spans="1:14" ht="84" x14ac:dyDescent="0.2">
      <c r="A10" s="40" t="s">
        <v>308</v>
      </c>
      <c r="B10" s="9" t="s">
        <v>312</v>
      </c>
      <c r="C10" s="6" t="s">
        <v>14</v>
      </c>
      <c r="D10" s="9" t="s">
        <v>313</v>
      </c>
      <c r="E10" s="16">
        <v>45962</v>
      </c>
      <c r="F10" s="16">
        <v>45962</v>
      </c>
      <c r="G10" s="9" t="s">
        <v>599</v>
      </c>
      <c r="H10" s="9" t="s">
        <v>310</v>
      </c>
      <c r="I10" s="9" t="s">
        <v>601</v>
      </c>
      <c r="J10" s="9" t="s">
        <v>314</v>
      </c>
      <c r="K10" s="9" t="s">
        <v>18</v>
      </c>
      <c r="L10" s="21" t="s">
        <v>26</v>
      </c>
      <c r="M10" s="9" t="s">
        <v>600</v>
      </c>
      <c r="N10" s="3" t="s">
        <v>311</v>
      </c>
    </row>
    <row r="11" spans="1:14" ht="39.6" x14ac:dyDescent="0.2">
      <c r="A11" s="40" t="s">
        <v>308</v>
      </c>
      <c r="B11" s="9" t="s">
        <v>448</v>
      </c>
      <c r="C11" s="6" t="s">
        <v>14</v>
      </c>
      <c r="D11" s="9" t="s">
        <v>432</v>
      </c>
      <c r="E11" s="16">
        <v>45976</v>
      </c>
      <c r="F11" s="16">
        <v>45976</v>
      </c>
      <c r="G11" s="9" t="s">
        <v>435</v>
      </c>
      <c r="H11" s="9" t="s">
        <v>439</v>
      </c>
      <c r="I11" s="9" t="s">
        <v>435</v>
      </c>
      <c r="J11" s="9" t="s">
        <v>443</v>
      </c>
      <c r="K11" s="9" t="s">
        <v>18</v>
      </c>
      <c r="L11" s="21" t="s">
        <v>19</v>
      </c>
      <c r="M11" s="9" t="s">
        <v>437</v>
      </c>
      <c r="N11" s="3"/>
    </row>
  </sheetData>
  <mergeCells count="1">
    <mergeCell ref="A1:N1"/>
  </mergeCells>
  <phoneticPr fontId="5"/>
  <dataValidations count="2">
    <dataValidation imeMode="disabled" allowBlank="1" showInputMessage="1" showErrorMessage="1" sqref="N8:N9 E8:F9"/>
    <dataValidation type="list" allowBlank="1" showInputMessage="1" showErrorMessage="1" sqref="K3:K11">
      <formula1>"有料,無料,その他"</formula1>
    </dataValidation>
  </dataValidations>
  <hyperlinks>
    <hyperlink ref="N8" r:id="rId1"/>
    <hyperlink ref="N10" r:id="rId2"/>
  </hyperlinks>
  <pageMargins left="0.7" right="0.7" top="0.75" bottom="0.75" header="0.3" footer="0.3"/>
  <pageSetup paperSize="9" orientation="portrait"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dimension ref="A1:N3"/>
  <sheetViews>
    <sheetView zoomScaleNormal="100" workbookViewId="0">
      <pane ySplit="2" topLeftCell="A3" activePane="bottomLeft" state="frozen"/>
      <selection pane="bottomLeft" activeCell="A2" sqref="A2:N2"/>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66.599999999999994" thickTop="1" x14ac:dyDescent="0.2">
      <c r="A3" s="58" t="s">
        <v>361</v>
      </c>
      <c r="B3" s="22" t="s">
        <v>362</v>
      </c>
      <c r="C3" s="19" t="s">
        <v>14</v>
      </c>
      <c r="D3" s="22" t="s">
        <v>363</v>
      </c>
      <c r="E3" s="45">
        <v>45932</v>
      </c>
      <c r="F3" s="46">
        <v>45937</v>
      </c>
      <c r="G3" s="25" t="s">
        <v>655</v>
      </c>
      <c r="H3" s="22" t="s">
        <v>364</v>
      </c>
      <c r="I3" s="22" t="s">
        <v>365</v>
      </c>
      <c r="J3" s="22" t="s">
        <v>366</v>
      </c>
      <c r="K3" s="22" t="s">
        <v>18</v>
      </c>
      <c r="L3" s="22" t="s">
        <v>19</v>
      </c>
      <c r="M3" s="22" t="s">
        <v>367</v>
      </c>
      <c r="N3" s="35"/>
    </row>
  </sheetData>
  <mergeCells count="1">
    <mergeCell ref="A1:N1"/>
  </mergeCells>
  <phoneticPr fontId="5"/>
  <dataValidations count="1">
    <dataValidation type="list" allowBlank="1" showInputMessage="1" showErrorMessage="1" sqref="K3">
      <formula1>"有料,無料,その他"</formula1>
    </dataValidation>
  </dataValidation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dimension ref="A1:N7"/>
  <sheetViews>
    <sheetView zoomScaleNormal="100" workbookViewId="0">
      <pane ySplit="2" topLeftCell="A6" activePane="bottomLeft" state="frozen"/>
      <selection pane="bottomLeft" activeCell="C12" sqref="C12"/>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40.200000000000003" thickTop="1" x14ac:dyDescent="0.2">
      <c r="A3" s="58" t="s">
        <v>215</v>
      </c>
      <c r="B3" s="22" t="s">
        <v>315</v>
      </c>
      <c r="C3" s="19" t="s">
        <v>14</v>
      </c>
      <c r="D3" s="22" t="s">
        <v>316</v>
      </c>
      <c r="E3" s="39">
        <v>45934</v>
      </c>
      <c r="F3" s="39">
        <v>45934</v>
      </c>
      <c r="G3" s="22" t="s">
        <v>603</v>
      </c>
      <c r="H3" s="22" t="s">
        <v>317</v>
      </c>
      <c r="I3" s="22" t="s">
        <v>603</v>
      </c>
      <c r="J3" s="22" t="s">
        <v>318</v>
      </c>
      <c r="K3" s="22" t="s">
        <v>18</v>
      </c>
      <c r="L3" s="24" t="s">
        <v>41</v>
      </c>
      <c r="M3" s="22" t="s">
        <v>603</v>
      </c>
      <c r="N3" s="3"/>
    </row>
    <row r="4" spans="1:14" ht="108" x14ac:dyDescent="0.2">
      <c r="A4" s="58" t="s">
        <v>215</v>
      </c>
      <c r="B4" s="22" t="s">
        <v>220</v>
      </c>
      <c r="C4" s="19" t="s">
        <v>14</v>
      </c>
      <c r="D4" s="22" t="s">
        <v>221</v>
      </c>
      <c r="E4" s="39">
        <v>45941</v>
      </c>
      <c r="F4" s="39">
        <v>45941</v>
      </c>
      <c r="G4" s="22" t="s">
        <v>602</v>
      </c>
      <c r="H4" s="22" t="s">
        <v>218</v>
      </c>
      <c r="I4" s="22" t="s">
        <v>602</v>
      </c>
      <c r="J4" s="22" t="s">
        <v>219</v>
      </c>
      <c r="K4" s="22" t="s">
        <v>18</v>
      </c>
      <c r="L4" s="24" t="s">
        <v>19</v>
      </c>
      <c r="M4" s="22" t="s">
        <v>602</v>
      </c>
      <c r="N4" s="3" t="s">
        <v>222</v>
      </c>
    </row>
    <row r="5" spans="1:14" ht="52.8" x14ac:dyDescent="0.2">
      <c r="A5" s="58" t="s">
        <v>215</v>
      </c>
      <c r="B5" s="22" t="s">
        <v>368</v>
      </c>
      <c r="C5" s="19" t="s">
        <v>14</v>
      </c>
      <c r="D5" s="22" t="s">
        <v>369</v>
      </c>
      <c r="E5" s="45">
        <v>45944</v>
      </c>
      <c r="F5" s="46">
        <v>45954</v>
      </c>
      <c r="G5" s="23" t="s">
        <v>370</v>
      </c>
      <c r="H5" s="36" t="s">
        <v>371</v>
      </c>
      <c r="I5" s="22" t="s">
        <v>372</v>
      </c>
      <c r="J5" s="22" t="s">
        <v>373</v>
      </c>
      <c r="K5" s="22" t="s">
        <v>18</v>
      </c>
      <c r="L5" s="22" t="s">
        <v>19</v>
      </c>
      <c r="M5" s="22" t="s">
        <v>367</v>
      </c>
      <c r="N5" s="54"/>
    </row>
    <row r="6" spans="1:14" ht="26.4" x14ac:dyDescent="0.2">
      <c r="A6" s="58" t="s">
        <v>215</v>
      </c>
      <c r="B6" s="22" t="s">
        <v>216</v>
      </c>
      <c r="C6" s="19" t="s">
        <v>14</v>
      </c>
      <c r="D6" s="22" t="s">
        <v>217</v>
      </c>
      <c r="E6" s="39">
        <v>45955</v>
      </c>
      <c r="F6" s="39">
        <v>45956</v>
      </c>
      <c r="G6" s="22" t="s">
        <v>602</v>
      </c>
      <c r="H6" s="22" t="s">
        <v>218</v>
      </c>
      <c r="I6" s="22" t="s">
        <v>602</v>
      </c>
      <c r="J6" s="22" t="s">
        <v>219</v>
      </c>
      <c r="K6" s="22" t="s">
        <v>18</v>
      </c>
      <c r="L6" s="24" t="s">
        <v>41</v>
      </c>
      <c r="M6" s="22" t="s">
        <v>602</v>
      </c>
      <c r="N6" s="3"/>
    </row>
    <row r="7" spans="1:14" ht="108" x14ac:dyDescent="0.2">
      <c r="A7" s="58" t="s">
        <v>215</v>
      </c>
      <c r="B7" s="22" t="s">
        <v>223</v>
      </c>
      <c r="C7" s="19" t="s">
        <v>14</v>
      </c>
      <c r="D7" s="22" t="s">
        <v>224</v>
      </c>
      <c r="E7" s="39">
        <v>45969</v>
      </c>
      <c r="F7" s="39">
        <v>45969</v>
      </c>
      <c r="G7" s="22" t="s">
        <v>602</v>
      </c>
      <c r="H7" s="22" t="s">
        <v>218</v>
      </c>
      <c r="I7" s="22" t="s">
        <v>602</v>
      </c>
      <c r="J7" s="22" t="s">
        <v>219</v>
      </c>
      <c r="K7" s="22" t="s">
        <v>18</v>
      </c>
      <c r="L7" s="24" t="s">
        <v>19</v>
      </c>
      <c r="M7" s="22" t="s">
        <v>602</v>
      </c>
      <c r="N7" s="3" t="s">
        <v>222</v>
      </c>
    </row>
  </sheetData>
  <mergeCells count="1">
    <mergeCell ref="A1:N1"/>
  </mergeCells>
  <phoneticPr fontId="5"/>
  <dataValidations count="1">
    <dataValidation type="list" allowBlank="1" showInputMessage="1" showErrorMessage="1" sqref="K3:K7">
      <formula1>"有料,無料,その他"</formula1>
    </dataValidation>
  </dataValidations>
  <hyperlinks>
    <hyperlink ref="N4" r:id="rId1"/>
    <hyperlink ref="N7" r:id="rId2"/>
  </hyperlinks>
  <pageMargins left="0.7" right="0.7" top="0.75" bottom="0.75" header="0.3" footer="0.3"/>
  <pageSetup paperSize="9" orientation="portrait"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dimension ref="A1:N10"/>
  <sheetViews>
    <sheetView zoomScaleNormal="100" workbookViewId="0">
      <pane ySplit="2" topLeftCell="A4" activePane="bottomLeft" state="frozen"/>
      <selection pane="bottomLeft" activeCell="A3" sqref="A3:A10"/>
    </sheetView>
  </sheetViews>
  <sheetFormatPr defaultRowHeight="13.2" x14ac:dyDescent="0.2"/>
  <cols>
    <col min="1" max="1" width="11.6640625" style="61" bestFit="1" customWidth="1"/>
    <col min="2" max="2" width="17.21875" style="61" customWidth="1"/>
    <col min="3" max="3" width="14.109375" style="61" customWidth="1"/>
    <col min="4" max="4" width="31.6640625" style="61" customWidth="1"/>
    <col min="5" max="6" width="11.77734375" style="61" customWidth="1"/>
    <col min="7" max="7" width="13.21875" style="61" customWidth="1"/>
    <col min="8" max="8" width="12.77734375" style="61" customWidth="1"/>
    <col min="9" max="9" width="14.109375" style="61" customWidth="1"/>
    <col min="10" max="10" width="15.77734375" style="61" customWidth="1"/>
    <col min="11" max="11" width="8.77734375" style="61"/>
    <col min="12" max="12" width="10.88671875" style="61" customWidth="1"/>
    <col min="13" max="13" width="15" style="61" customWidth="1"/>
    <col min="14" max="14" width="8.77734375" style="65" customWidth="1"/>
  </cols>
  <sheetData>
    <row r="1" spans="1:14" ht="49.95" customHeight="1" x14ac:dyDescent="0.2">
      <c r="A1" s="72" t="s">
        <v>686</v>
      </c>
      <c r="B1" s="72"/>
      <c r="C1" s="72"/>
      <c r="D1" s="72"/>
      <c r="E1" s="72"/>
      <c r="F1" s="72"/>
      <c r="G1" s="72"/>
      <c r="H1" s="72"/>
      <c r="I1" s="72"/>
      <c r="J1" s="72"/>
      <c r="K1" s="72"/>
      <c r="L1" s="72"/>
      <c r="M1" s="72"/>
      <c r="N1" s="72"/>
    </row>
    <row r="2" spans="1:14" ht="27" thickBot="1" x14ac:dyDescent="0.25">
      <c r="A2" s="62" t="s">
        <v>0</v>
      </c>
      <c r="B2" s="62" t="s">
        <v>691</v>
      </c>
      <c r="C2" s="62" t="s">
        <v>2</v>
      </c>
      <c r="D2" s="62" t="s">
        <v>688</v>
      </c>
      <c r="E2" s="62" t="s">
        <v>692</v>
      </c>
      <c r="F2" s="62" t="s">
        <v>693</v>
      </c>
      <c r="G2" s="62" t="s">
        <v>694</v>
      </c>
      <c r="H2" s="62" t="s">
        <v>695</v>
      </c>
      <c r="I2" s="62" t="s">
        <v>696</v>
      </c>
      <c r="J2" s="63" t="s">
        <v>697</v>
      </c>
      <c r="K2" s="62" t="s">
        <v>698</v>
      </c>
      <c r="L2" s="63" t="s">
        <v>10</v>
      </c>
      <c r="M2" s="62" t="s">
        <v>689</v>
      </c>
      <c r="N2" s="64" t="s">
        <v>699</v>
      </c>
    </row>
    <row r="3" spans="1:14" ht="72.599999999999994" thickTop="1" x14ac:dyDescent="0.2">
      <c r="A3" s="40" t="s">
        <v>71</v>
      </c>
      <c r="B3" s="9" t="s">
        <v>72</v>
      </c>
      <c r="C3" s="6" t="s">
        <v>14</v>
      </c>
      <c r="D3" s="9" t="s">
        <v>675</v>
      </c>
      <c r="E3" s="16">
        <v>45920</v>
      </c>
      <c r="F3" s="16">
        <v>45920</v>
      </c>
      <c r="G3" s="9" t="s">
        <v>604</v>
      </c>
      <c r="H3" s="9" t="s">
        <v>73</v>
      </c>
      <c r="I3" s="9" t="s">
        <v>673</v>
      </c>
      <c r="J3" s="9" t="s">
        <v>75</v>
      </c>
      <c r="K3" s="9" t="s">
        <v>18</v>
      </c>
      <c r="L3" s="21" t="s">
        <v>19</v>
      </c>
      <c r="M3" s="9" t="s">
        <v>685</v>
      </c>
      <c r="N3" s="3" t="s">
        <v>77</v>
      </c>
    </row>
    <row r="4" spans="1:14" ht="66" x14ac:dyDescent="0.2">
      <c r="A4" s="58" t="s">
        <v>71</v>
      </c>
      <c r="B4" s="22" t="s">
        <v>81</v>
      </c>
      <c r="C4" s="19" t="s">
        <v>82</v>
      </c>
      <c r="D4" s="22" t="s">
        <v>83</v>
      </c>
      <c r="E4" s="39">
        <v>45926</v>
      </c>
      <c r="F4" s="39">
        <v>45927</v>
      </c>
      <c r="G4" s="22" t="s">
        <v>656</v>
      </c>
      <c r="H4" s="22" t="s">
        <v>84</v>
      </c>
      <c r="I4" s="22" t="s">
        <v>667</v>
      </c>
      <c r="J4" s="22" t="s">
        <v>85</v>
      </c>
      <c r="K4" s="22" t="s">
        <v>25</v>
      </c>
      <c r="L4" s="24" t="s">
        <v>41</v>
      </c>
      <c r="M4" s="22" t="s">
        <v>86</v>
      </c>
      <c r="N4" s="3"/>
    </row>
    <row r="5" spans="1:14" ht="66" x14ac:dyDescent="0.2">
      <c r="A5" s="58" t="s">
        <v>87</v>
      </c>
      <c r="B5" s="22" t="s">
        <v>88</v>
      </c>
      <c r="C5" s="19" t="s">
        <v>89</v>
      </c>
      <c r="D5" s="22" t="s">
        <v>90</v>
      </c>
      <c r="E5" s="39">
        <v>45936</v>
      </c>
      <c r="F5" s="39">
        <v>45936</v>
      </c>
      <c r="G5" s="22" t="s">
        <v>656</v>
      </c>
      <c r="H5" s="22" t="s">
        <v>84</v>
      </c>
      <c r="I5" s="22" t="s">
        <v>667</v>
      </c>
      <c r="J5" s="22" t="s">
        <v>91</v>
      </c>
      <c r="K5" s="22" t="s">
        <v>25</v>
      </c>
      <c r="L5" s="24" t="s">
        <v>41</v>
      </c>
      <c r="M5" s="22" t="s">
        <v>92</v>
      </c>
      <c r="N5" s="3"/>
    </row>
    <row r="6" spans="1:14" ht="39.6" x14ac:dyDescent="0.2">
      <c r="A6" s="58" t="s">
        <v>87</v>
      </c>
      <c r="B6" s="22" t="s">
        <v>93</v>
      </c>
      <c r="C6" s="19" t="s">
        <v>89</v>
      </c>
      <c r="D6" s="22" t="s">
        <v>94</v>
      </c>
      <c r="E6" s="39">
        <v>45948</v>
      </c>
      <c r="F6" s="39">
        <v>45948</v>
      </c>
      <c r="G6" s="22" t="s">
        <v>656</v>
      </c>
      <c r="H6" s="22" t="s">
        <v>95</v>
      </c>
      <c r="I6" s="22" t="s">
        <v>667</v>
      </c>
      <c r="J6" s="22" t="s">
        <v>96</v>
      </c>
      <c r="K6" s="22" t="s">
        <v>25</v>
      </c>
      <c r="L6" s="24" t="s">
        <v>97</v>
      </c>
      <c r="M6" s="22" t="s">
        <v>98</v>
      </c>
      <c r="N6" s="3"/>
    </row>
    <row r="7" spans="1:14" ht="79.2" x14ac:dyDescent="0.2">
      <c r="A7" s="58" t="s">
        <v>87</v>
      </c>
      <c r="B7" s="22" t="s">
        <v>99</v>
      </c>
      <c r="C7" s="19" t="s">
        <v>14</v>
      </c>
      <c r="D7" s="22" t="s">
        <v>100</v>
      </c>
      <c r="E7" s="39">
        <v>45950</v>
      </c>
      <c r="F7" s="39">
        <v>45950</v>
      </c>
      <c r="G7" s="22" t="s">
        <v>656</v>
      </c>
      <c r="H7" s="22" t="s">
        <v>84</v>
      </c>
      <c r="I7" s="22" t="s">
        <v>667</v>
      </c>
      <c r="J7" s="22" t="s">
        <v>101</v>
      </c>
      <c r="K7" s="22" t="s">
        <v>25</v>
      </c>
      <c r="L7" s="24" t="s">
        <v>41</v>
      </c>
      <c r="M7" s="22" t="s">
        <v>102</v>
      </c>
      <c r="N7" s="3"/>
    </row>
    <row r="8" spans="1:14" ht="72" x14ac:dyDescent="0.2">
      <c r="A8" s="40" t="s">
        <v>71</v>
      </c>
      <c r="B8" s="9" t="s">
        <v>78</v>
      </c>
      <c r="C8" s="6" t="s">
        <v>14</v>
      </c>
      <c r="D8" s="9" t="s">
        <v>79</v>
      </c>
      <c r="E8" s="16">
        <v>45962</v>
      </c>
      <c r="F8" s="16">
        <v>45963</v>
      </c>
      <c r="G8" s="9" t="s">
        <v>604</v>
      </c>
      <c r="H8" s="9" t="s">
        <v>73</v>
      </c>
      <c r="I8" s="9" t="s">
        <v>74</v>
      </c>
      <c r="J8" s="9" t="s">
        <v>80</v>
      </c>
      <c r="K8" s="9" t="s">
        <v>18</v>
      </c>
      <c r="L8" s="21" t="s">
        <v>26</v>
      </c>
      <c r="M8" s="9" t="s">
        <v>76</v>
      </c>
      <c r="N8" s="3" t="s">
        <v>77</v>
      </c>
    </row>
    <row r="9" spans="1:14" ht="72" x14ac:dyDescent="0.2">
      <c r="A9" s="59" t="s">
        <v>71</v>
      </c>
      <c r="B9" s="27" t="s">
        <v>72</v>
      </c>
      <c r="C9" s="6" t="s">
        <v>14</v>
      </c>
      <c r="D9" s="27" t="s">
        <v>675</v>
      </c>
      <c r="E9" s="55">
        <v>45976</v>
      </c>
      <c r="F9" s="55">
        <v>45976</v>
      </c>
      <c r="G9" s="27" t="s">
        <v>604</v>
      </c>
      <c r="H9" s="27" t="s">
        <v>73</v>
      </c>
      <c r="I9" s="27" t="s">
        <v>674</v>
      </c>
      <c r="J9" s="27" t="s">
        <v>75</v>
      </c>
      <c r="K9" s="27" t="s">
        <v>18</v>
      </c>
      <c r="L9" s="56" t="s">
        <v>19</v>
      </c>
      <c r="M9" s="27" t="s">
        <v>685</v>
      </c>
      <c r="N9" s="3" t="s">
        <v>77</v>
      </c>
    </row>
    <row r="10" spans="1:14" ht="66" x14ac:dyDescent="0.2">
      <c r="A10" s="58" t="s">
        <v>87</v>
      </c>
      <c r="B10" s="22" t="s">
        <v>103</v>
      </c>
      <c r="C10" s="19" t="s">
        <v>89</v>
      </c>
      <c r="D10" s="22" t="s">
        <v>104</v>
      </c>
      <c r="E10" s="39">
        <v>45976</v>
      </c>
      <c r="F10" s="39">
        <v>45976</v>
      </c>
      <c r="G10" s="22" t="s">
        <v>656</v>
      </c>
      <c r="H10" s="22" t="s">
        <v>95</v>
      </c>
      <c r="I10" s="22" t="s">
        <v>667</v>
      </c>
      <c r="J10" s="22" t="s">
        <v>96</v>
      </c>
      <c r="K10" s="22" t="s">
        <v>25</v>
      </c>
      <c r="L10" s="24" t="s">
        <v>97</v>
      </c>
      <c r="M10" s="22" t="s">
        <v>98</v>
      </c>
      <c r="N10" s="3"/>
    </row>
  </sheetData>
  <mergeCells count="1">
    <mergeCell ref="A1:N1"/>
  </mergeCells>
  <phoneticPr fontId="5"/>
  <dataValidations count="4">
    <dataValidation type="list" allowBlank="1" showInputMessage="1" showErrorMessage="1" sqref="K9">
      <formula1>"有料,無料"</formula1>
    </dataValidation>
    <dataValidation imeMode="disabled" allowBlank="1" showInputMessage="1" showErrorMessage="1" sqref="N9 E9:F9"/>
    <dataValidation type="list" allowBlank="1" showInputMessage="1" showErrorMessage="1" sqref="L9">
      <formula1>"要,不要"</formula1>
    </dataValidation>
    <dataValidation type="list" allowBlank="1" showInputMessage="1" showErrorMessage="1" sqref="K10 K3:K8">
      <formula1>"有料,無料,その他"</formula1>
    </dataValidation>
  </dataValidation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1</vt:i4>
      </vt:variant>
      <vt:variant>
        <vt:lpstr>名前付き一覧</vt:lpstr>
      </vt:variant>
      <vt:variant>
        <vt:i4>1</vt:i4>
      </vt:variant>
    </vt:vector>
  </HeadingPairs>
  <TitlesOfParts>
    <vt:vector size="22" baseType="lpstr">
      <vt:lpstr>県立学校一覧</vt:lpstr>
      <vt:lpstr>横浜市</vt:lpstr>
      <vt:lpstr>川崎市</vt:lpstr>
      <vt:lpstr>相模原市</vt:lpstr>
      <vt:lpstr>横須賀市</vt:lpstr>
      <vt:lpstr>平塚市</vt:lpstr>
      <vt:lpstr>鎌倉市</vt:lpstr>
      <vt:lpstr>藤沢市</vt:lpstr>
      <vt:lpstr>小田原市</vt:lpstr>
      <vt:lpstr>茅ヶ崎市</vt:lpstr>
      <vt:lpstr>三浦市</vt:lpstr>
      <vt:lpstr>秦野市</vt:lpstr>
      <vt:lpstr>厚木市</vt:lpstr>
      <vt:lpstr>大和市</vt:lpstr>
      <vt:lpstr>伊勢原市</vt:lpstr>
      <vt:lpstr>南足柄市</vt:lpstr>
      <vt:lpstr>綾瀬市</vt:lpstr>
      <vt:lpstr>二宮町</vt:lpstr>
      <vt:lpstr>大井町</vt:lpstr>
      <vt:lpstr>愛川町</vt:lpstr>
      <vt:lpstr>県内全域</vt:lpstr>
      <vt:lpstr>県立学校一覧!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室　石丸</dc:creator>
  <cp:lastModifiedBy>総務室　石丸</cp:lastModifiedBy>
  <cp:lastPrinted>2025-09-02T04:53:56Z</cp:lastPrinted>
  <dcterms:created xsi:type="dcterms:W3CDTF">2025-07-16T04:25:37Z</dcterms:created>
  <dcterms:modified xsi:type="dcterms:W3CDTF">2025-09-02T05:13:50Z</dcterms:modified>
</cp:coreProperties>
</file>